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defaultThemeVersion="166925"/>
  <mc:AlternateContent xmlns:mc="http://schemas.openxmlformats.org/markup-compatibility/2006">
    <mc:Choice Requires="x15">
      <x15ac:absPath xmlns:x15ac="http://schemas.microsoft.com/office/spreadsheetml/2010/11/ac" url="C:\Users\s891670\Desktop\2024　要綱関係\様式\"/>
    </mc:Choice>
  </mc:AlternateContent>
  <xr:revisionPtr revIDLastSave="0" documentId="13_ncr:1_{26B0E79A-7314-41FA-910F-7C078EB95D9B}" xr6:coauthVersionLast="47" xr6:coauthVersionMax="47" xr10:uidLastSave="{00000000-0000-0000-0000-000000000000}"/>
  <bookViews>
    <workbookView xWindow="6390" yWindow="0" windowWidth="18060" windowHeight="15045" xr2:uid="{C60CB9FC-FE28-4C06-8512-7CBF9F72F443}"/>
  </bookViews>
  <sheets>
    <sheet name="【様式2－2】医ケア指示書" sheetId="1" r:id="rId1"/>
    <sheet name="【別紙１～９】" sheetId="2"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59" uniqueCount="121">
  <si>
    <r>
      <t>医療的ケア指示書</t>
    </r>
    <r>
      <rPr>
        <sz val="9"/>
        <color theme="1"/>
        <rFont val="游明朝"/>
        <family val="1"/>
        <charset val="128"/>
      </rPr>
      <t> </t>
    </r>
  </si>
  <si>
    <t>指示期間(　　年　月　　日～　　　　年　　月　　日)</t>
    <phoneticPr fontId="6"/>
  </si>
  <si>
    <t>標記の件について、下記のとおり指示いたします。</t>
    <phoneticPr fontId="6"/>
  </si>
  <si>
    <t>(実施施設園名）　　　　　　　　　　　　　宛</t>
    <rPh sb="1" eb="3">
      <t>ジッシ</t>
    </rPh>
    <rPh sb="3" eb="5">
      <t>シセツ</t>
    </rPh>
    <rPh sb="5" eb="7">
      <t>エンメイ</t>
    </rPh>
    <rPh sb="21" eb="22">
      <t>アテ</t>
    </rPh>
    <phoneticPr fontId="6"/>
  </si>
  <si>
    <t>氏名・生年月日</t>
    <rPh sb="0" eb="2">
      <t>シメイ</t>
    </rPh>
    <rPh sb="3" eb="7">
      <t>セイネンガッピ</t>
    </rPh>
    <phoneticPr fontId="6"/>
  </si>
  <si>
    <t>主たる疾患名</t>
    <phoneticPr fontId="6"/>
  </si>
  <si>
    <t>年　　　月　　　日生</t>
    <rPh sb="0" eb="1">
      <t>ネン</t>
    </rPh>
    <rPh sb="4" eb="5">
      <t>ガツ</t>
    </rPh>
    <rPh sb="8" eb="9">
      <t>ニチ</t>
    </rPh>
    <rPh sb="9" eb="10">
      <t>セイ</t>
    </rPh>
    <phoneticPr fontId="6"/>
  </si>
  <si>
    <t>（※該当する医療的ケアにチェックを付けるとともに、別紙を記入してください。）</t>
    <rPh sb="2" eb="4">
      <t>ガイトウ</t>
    </rPh>
    <rPh sb="6" eb="9">
      <t>イリョウテキ</t>
    </rPh>
    <rPh sb="17" eb="18">
      <t>ツ</t>
    </rPh>
    <rPh sb="25" eb="27">
      <t>ベッシ</t>
    </rPh>
    <rPh sb="28" eb="30">
      <t>キニュウ</t>
    </rPh>
    <phoneticPr fontId="6"/>
  </si>
  <si>
    <t>□　喀痰吸引</t>
    <rPh sb="2" eb="6">
      <t>カクタンキュウイン</t>
    </rPh>
    <phoneticPr fontId="6"/>
  </si>
  <si>
    <t>□　気管切開部の管理</t>
    <rPh sb="2" eb="7">
      <t>キカンセッカイブ</t>
    </rPh>
    <rPh sb="8" eb="10">
      <t>カンリ</t>
    </rPh>
    <phoneticPr fontId="6"/>
  </si>
  <si>
    <t>□　吸入</t>
    <rPh sb="2" eb="4">
      <t>キュウニュウ</t>
    </rPh>
    <phoneticPr fontId="6"/>
  </si>
  <si>
    <t>□　酸素療法</t>
    <rPh sb="2" eb="4">
      <t>サンソ</t>
    </rPh>
    <rPh sb="4" eb="6">
      <t>リョウホウ</t>
    </rPh>
    <phoneticPr fontId="6"/>
  </si>
  <si>
    <t>□　血糖測定・インスリン注射</t>
    <rPh sb="2" eb="4">
      <t>ケットウ</t>
    </rPh>
    <rPh sb="4" eb="6">
      <t>ソクテイ</t>
    </rPh>
    <rPh sb="12" eb="14">
      <t>チュウシャ</t>
    </rPh>
    <phoneticPr fontId="6"/>
  </si>
  <si>
    <t>□　人工呼吸器</t>
    <rPh sb="2" eb="7">
      <t>ジンコウコキュウキ</t>
    </rPh>
    <phoneticPr fontId="6"/>
  </si>
  <si>
    <t>□　導尿</t>
    <rPh sb="2" eb="4">
      <t>ドウニョウ</t>
    </rPh>
    <phoneticPr fontId="6"/>
  </si>
  <si>
    <t>□　その他</t>
    <rPh sb="4" eb="5">
      <t>ホカ</t>
    </rPh>
    <phoneticPr fontId="6"/>
  </si>
  <si>
    <t>□　経管栄養</t>
    <rPh sb="2" eb="6">
      <t>ケイカンエイヨウ</t>
    </rPh>
    <phoneticPr fontId="6"/>
  </si>
  <si>
    <t>［別紙１］</t>
    <rPh sb="1" eb="3">
      <t>ベッシ</t>
    </rPh>
    <phoneticPr fontId="6"/>
  </si>
  <si>
    <t>［別紙２］</t>
    <rPh sb="1" eb="3">
      <t>ベッシ</t>
    </rPh>
    <phoneticPr fontId="6"/>
  </si>
  <si>
    <t>［別紙３］</t>
    <rPh sb="1" eb="3">
      <t>ベッシ</t>
    </rPh>
    <phoneticPr fontId="6"/>
  </si>
  <si>
    <t>［別紙４］</t>
  </si>
  <si>
    <t>［別紙４］</t>
    <rPh sb="1" eb="3">
      <t>ベッシ</t>
    </rPh>
    <phoneticPr fontId="6"/>
  </si>
  <si>
    <t>［別紙５］</t>
    <rPh sb="1" eb="3">
      <t>ベッシ</t>
    </rPh>
    <phoneticPr fontId="6"/>
  </si>
  <si>
    <t>［別紙６］</t>
    <rPh sb="1" eb="3">
      <t>ベッシ</t>
    </rPh>
    <phoneticPr fontId="6"/>
  </si>
  <si>
    <t>［別紙７］</t>
    <rPh sb="1" eb="3">
      <t>ベッシ</t>
    </rPh>
    <phoneticPr fontId="6"/>
  </si>
  <si>
    <t>［別紙８］</t>
    <rPh sb="1" eb="3">
      <t>ベッシ</t>
    </rPh>
    <phoneticPr fontId="6"/>
  </si>
  <si>
    <t>［別紙９］</t>
    <rPh sb="1" eb="3">
      <t>ベッシ</t>
    </rPh>
    <phoneticPr fontId="6"/>
  </si>
  <si>
    <t>記入日　　年　　　月　　　日</t>
  </si>
  <si>
    <t>医療機関名：</t>
    <rPh sb="0" eb="4">
      <t>イリョウキカン</t>
    </rPh>
    <rPh sb="4" eb="5">
      <t>メイ</t>
    </rPh>
    <phoneticPr fontId="6"/>
  </si>
  <si>
    <t>緊急時の連絡先（℡）：</t>
    <rPh sb="0" eb="3">
      <t>キンキュウジ</t>
    </rPh>
    <rPh sb="4" eb="7">
      <t>レンラクサキ</t>
    </rPh>
    <phoneticPr fontId="6"/>
  </si>
  <si>
    <t>主　治　医：</t>
    <rPh sb="0" eb="1">
      <t>オモ</t>
    </rPh>
    <rPh sb="2" eb="3">
      <t>オサム</t>
    </rPh>
    <rPh sb="4" eb="5">
      <t>イ</t>
    </rPh>
    <phoneticPr fontId="6"/>
  </si>
  <si>
    <t>〇医療的ケアの内容（経管栄養）</t>
    <rPh sb="1" eb="4">
      <t>イリョウテキ</t>
    </rPh>
    <rPh sb="7" eb="9">
      <t>ナイヨウ</t>
    </rPh>
    <rPh sb="10" eb="14">
      <t>ケイカンエイヨウ</t>
    </rPh>
    <phoneticPr fontId="6"/>
  </si>
  <si>
    <t>実施内容</t>
    <rPh sb="0" eb="2">
      <t>ジッシ</t>
    </rPh>
    <rPh sb="2" eb="4">
      <t>ナイヨウ</t>
    </rPh>
    <phoneticPr fontId="6"/>
  </si>
  <si>
    <t>注入箇所</t>
    <rPh sb="0" eb="4">
      <t>チュウニュウカショ</t>
    </rPh>
    <phoneticPr fontId="6"/>
  </si>
  <si>
    <t xml:space="preserve"> サイズ　　　　　Fr</t>
    <phoneticPr fontId="6"/>
  </si>
  <si>
    <t xml:space="preserve"> 挿入の長さ　　　　　　　cm</t>
    <rPh sb="1" eb="3">
      <t>ソウニュウ</t>
    </rPh>
    <rPh sb="4" eb="5">
      <t>ナガ</t>
    </rPh>
    <phoneticPr fontId="6"/>
  </si>
  <si>
    <t>時間帯</t>
  </si>
  <si>
    <t>時間帯</t>
    <rPh sb="0" eb="3">
      <t>ジカンタイ</t>
    </rPh>
    <phoneticPr fontId="6"/>
  </si>
  <si>
    <t>内容と量</t>
    <rPh sb="0" eb="2">
      <t>ナイヨウ</t>
    </rPh>
    <rPh sb="3" eb="4">
      <t>リョウ</t>
    </rPh>
    <phoneticPr fontId="6"/>
  </si>
  <si>
    <t>（注入速度を踏まえた）
注入時間</t>
    <rPh sb="1" eb="5">
      <t>チュウニュウソクド</t>
    </rPh>
    <rPh sb="6" eb="7">
      <t>フ</t>
    </rPh>
    <rPh sb="12" eb="16">
      <t>チュウニュウジカン</t>
    </rPh>
    <phoneticPr fontId="6"/>
  </si>
  <si>
    <t>　　分～　　　分</t>
    <rPh sb="2" eb="3">
      <t>フン</t>
    </rPh>
    <rPh sb="7" eb="8">
      <t>フン</t>
    </rPh>
    <phoneticPr fontId="6"/>
  </si>
  <si>
    <t>注入内容</t>
    <rPh sb="0" eb="4">
      <t>チュウニュウナイヨウ</t>
    </rPh>
    <phoneticPr fontId="6"/>
  </si>
  <si>
    <t>注入後</t>
    <rPh sb="0" eb="3">
      <t>チュウニュウゴ</t>
    </rPh>
    <phoneticPr fontId="6"/>
  </si>
  <si>
    <t xml:space="preserve"> 白湯（　　　　ml）</t>
    <rPh sb="1" eb="3">
      <t>サユ</t>
    </rPh>
    <phoneticPr fontId="6"/>
  </si>
  <si>
    <t xml:space="preserve"> □ 栄養</t>
    <rPh sb="3" eb="5">
      <t>エイヨウ</t>
    </rPh>
    <phoneticPr fontId="6"/>
  </si>
  <si>
    <t xml:space="preserve"> □ 経鼻胃管　□ 胃ろう　□ 腸ろう　□ その他　(　　     　　　　）　　</t>
    <phoneticPr fontId="6"/>
  </si>
  <si>
    <t>胃内容物の量</t>
    <rPh sb="0" eb="1">
      <t>イ</t>
    </rPh>
    <rPh sb="1" eb="4">
      <t>ナイヨウブツ</t>
    </rPh>
    <rPh sb="5" eb="6">
      <t>リョウ</t>
    </rPh>
    <phoneticPr fontId="6"/>
  </si>
  <si>
    <t>指示事項</t>
    <rPh sb="0" eb="4">
      <t>シジジコウ</t>
    </rPh>
    <phoneticPr fontId="6"/>
  </si>
  <si>
    <t>　胃残色に異常がある時</t>
    <rPh sb="1" eb="2">
      <t>イ</t>
    </rPh>
    <rPh sb="2" eb="3">
      <t>ノコ</t>
    </rPh>
    <rPh sb="3" eb="4">
      <t>ショク</t>
    </rPh>
    <rPh sb="5" eb="7">
      <t>イジョウ</t>
    </rPh>
    <rPh sb="10" eb="11">
      <t>トキ</t>
    </rPh>
    <phoneticPr fontId="6"/>
  </si>
  <si>
    <t>　（　　　）ml以上（　　　）ml未満</t>
    <rPh sb="8" eb="10">
      <t>イジョウ</t>
    </rPh>
    <rPh sb="17" eb="19">
      <t>ミマン</t>
    </rPh>
    <phoneticPr fontId="6"/>
  </si>
  <si>
    <t>　（　　　）ml以上</t>
    <rPh sb="8" eb="10">
      <t>イジョウ</t>
    </rPh>
    <phoneticPr fontId="6"/>
  </si>
  <si>
    <t xml:space="preserve"> □ 水分</t>
    <rPh sb="3" eb="5">
      <t>スイブン</t>
    </rPh>
    <phoneticPr fontId="6"/>
  </si>
  <si>
    <t>胃残量の確認</t>
    <rPh sb="0" eb="1">
      <t>イ</t>
    </rPh>
    <rPh sb="1" eb="3">
      <t>ザンリョウ</t>
    </rPh>
    <rPh sb="4" eb="6">
      <t>カクニン</t>
    </rPh>
    <phoneticPr fontId="6"/>
  </si>
  <si>
    <t>留意点</t>
    <rPh sb="0" eb="3">
      <t>リュウイテン</t>
    </rPh>
    <phoneticPr fontId="6"/>
  </si>
  <si>
    <t>緊急時の対応</t>
    <rPh sb="0" eb="3">
      <t>キンキュウジ</t>
    </rPh>
    <rPh sb="4" eb="6">
      <t>タイオウ</t>
    </rPh>
    <phoneticPr fontId="6"/>
  </si>
  <si>
    <t>＜事故抜去時の対応＞</t>
    <rPh sb="1" eb="5">
      <t>ジコバッキョ</t>
    </rPh>
    <rPh sb="5" eb="6">
      <t>ジ</t>
    </rPh>
    <rPh sb="7" eb="9">
      <t>タイオウ</t>
    </rPh>
    <phoneticPr fontId="6"/>
  </si>
  <si>
    <t>〇医療的ケアの内容（喀痰吸引）</t>
    <rPh sb="1" eb="4">
      <t>イリョウテキ</t>
    </rPh>
    <rPh sb="7" eb="9">
      <t>ナイヨウ</t>
    </rPh>
    <rPh sb="10" eb="12">
      <t>カクタン</t>
    </rPh>
    <rPh sb="12" eb="14">
      <t>キュウイン</t>
    </rPh>
    <phoneticPr fontId="6"/>
  </si>
  <si>
    <t>　カテーテルサイズ　　　Fr</t>
    <phoneticPr fontId="6"/>
  </si>
  <si>
    <t>吸引圧（　　kPa・　　　mmHg）以下</t>
  </si>
  <si>
    <t>実施箇所</t>
    <rPh sb="0" eb="2">
      <t>ジッシ</t>
    </rPh>
    <rPh sb="2" eb="4">
      <t>カショ</t>
    </rPh>
    <phoneticPr fontId="6"/>
  </si>
  <si>
    <t>挿入の長さ（ｃｍ）</t>
    <rPh sb="0" eb="2">
      <t>ソウニュウ</t>
    </rPh>
    <rPh sb="3" eb="4">
      <t>ナガ</t>
    </rPh>
    <phoneticPr fontId="6"/>
  </si>
  <si>
    <t xml:space="preserve"> □　鼻腔</t>
    <rPh sb="3" eb="5">
      <t>ビクウ</t>
    </rPh>
    <phoneticPr fontId="6"/>
  </si>
  <si>
    <t xml:space="preserve"> □　口腔</t>
    <rPh sb="3" eb="5">
      <t>コウクウ</t>
    </rPh>
    <phoneticPr fontId="6"/>
  </si>
  <si>
    <t xml:space="preserve"> □　鼻腔咽頭エアウェイ</t>
    <rPh sb="3" eb="4">
      <t>ハナ</t>
    </rPh>
    <rPh sb="5" eb="7">
      <t>イントウ</t>
    </rPh>
    <phoneticPr fontId="6"/>
  </si>
  <si>
    <t xml:space="preserve"> □　気管カニューレ</t>
    <rPh sb="3" eb="5">
      <t>キカン</t>
    </rPh>
    <phoneticPr fontId="6"/>
  </si>
  <si>
    <r>
      <t xml:space="preserve">　　留意点
</t>
    </r>
    <r>
      <rPr>
        <sz val="10"/>
        <color theme="1"/>
        <rFont val="ＭＳ 明朝"/>
        <family val="1"/>
        <charset val="128"/>
      </rPr>
      <t>※特に、吸引の頻度やタイミング（例.SpO2値等）についてコメント願います。</t>
    </r>
    <rPh sb="7" eb="8">
      <t>トク</t>
    </rPh>
    <rPh sb="10" eb="12">
      <t>キュウイン</t>
    </rPh>
    <rPh sb="13" eb="15">
      <t>ヒンド</t>
    </rPh>
    <rPh sb="22" eb="23">
      <t>レイ</t>
    </rPh>
    <rPh sb="28" eb="29">
      <t>チ</t>
    </rPh>
    <rPh sb="29" eb="30">
      <t>トウ</t>
    </rPh>
    <rPh sb="39" eb="40">
      <t>ネガ</t>
    </rPh>
    <phoneticPr fontId="6"/>
  </si>
  <si>
    <t>［別紙３］</t>
    <phoneticPr fontId="6"/>
  </si>
  <si>
    <t>〇医療的ケアの内容（気管切開部の管理）</t>
    <rPh sb="1" eb="4">
      <t>イリョウテキ</t>
    </rPh>
    <rPh sb="7" eb="9">
      <t>ナイヨウ</t>
    </rPh>
    <rPh sb="10" eb="12">
      <t>キカン</t>
    </rPh>
    <rPh sb="12" eb="14">
      <t>セッカイ</t>
    </rPh>
    <rPh sb="14" eb="15">
      <t>ブ</t>
    </rPh>
    <rPh sb="16" eb="18">
      <t>カンリ</t>
    </rPh>
    <phoneticPr fontId="6"/>
  </si>
  <si>
    <t xml:space="preserve"> カニューレの種類</t>
    <rPh sb="7" eb="9">
      <t>シュルイ</t>
    </rPh>
    <phoneticPr fontId="6"/>
  </si>
  <si>
    <t xml:space="preserve"> サイズ（内径）　  　　㎜</t>
    <rPh sb="5" eb="7">
      <t>ナイケイ</t>
    </rPh>
    <phoneticPr fontId="6"/>
  </si>
  <si>
    <t xml:space="preserve"> □人口鼻の交換　　　　　　□ガーゼ交換　　　　□固定ひも（の確認）
 □スピーチバルブの使用</t>
    <rPh sb="2" eb="5">
      <t>ジンコウハナ</t>
    </rPh>
    <rPh sb="6" eb="8">
      <t>コウカン</t>
    </rPh>
    <rPh sb="18" eb="20">
      <t>コウカン</t>
    </rPh>
    <rPh sb="25" eb="27">
      <t>コテイ</t>
    </rPh>
    <rPh sb="31" eb="33">
      <t>カクニン</t>
    </rPh>
    <rPh sb="45" eb="47">
      <t>シヨウ</t>
    </rPh>
    <phoneticPr fontId="6"/>
  </si>
  <si>
    <t xml:space="preserve">＜事故抜去時＞
　　・気管カニューレ抜去後（５分以内・30分以内・１時間以内）に、
　　　生命が危険となるおそれあり。
　　・気管カニューレ抜去後（５分以内・30分以内・１時間以内）に、
　　　再挿入が困難となるおそれあり。
＜抜去後の具体的な対応＞
＜緊急搬送の判断基準＞
</t>
    <rPh sb="1" eb="6">
      <t>ジコバッキョジ</t>
    </rPh>
    <rPh sb="11" eb="13">
      <t>キカン</t>
    </rPh>
    <rPh sb="18" eb="20">
      <t>バッキョ</t>
    </rPh>
    <rPh sb="20" eb="21">
      <t>ゴ</t>
    </rPh>
    <rPh sb="23" eb="26">
      <t>フンイナイ</t>
    </rPh>
    <rPh sb="29" eb="32">
      <t>プンイナイ</t>
    </rPh>
    <rPh sb="34" eb="38">
      <t>ジカンイナイ</t>
    </rPh>
    <rPh sb="45" eb="47">
      <t>セイメイ</t>
    </rPh>
    <rPh sb="48" eb="50">
      <t>キケン</t>
    </rPh>
    <rPh sb="64" eb="66">
      <t>キカン</t>
    </rPh>
    <rPh sb="71" eb="74">
      <t>バッキョゴ</t>
    </rPh>
    <rPh sb="98" eb="101">
      <t>サイソウニュウ</t>
    </rPh>
    <rPh sb="102" eb="104">
      <t>コンナン</t>
    </rPh>
    <rPh sb="117" eb="120">
      <t>バッキョゴ</t>
    </rPh>
    <rPh sb="121" eb="124">
      <t>グタイテキ</t>
    </rPh>
    <rPh sb="125" eb="127">
      <t>タイオウ</t>
    </rPh>
    <rPh sb="136" eb="140">
      <t>キンキュウハンソウ</t>
    </rPh>
    <rPh sb="141" eb="143">
      <t>ハンダン</t>
    </rPh>
    <rPh sb="143" eb="145">
      <t>キジュン</t>
    </rPh>
    <phoneticPr fontId="6"/>
  </si>
  <si>
    <t>〇医療的ケアの内容（吸入）</t>
    <rPh sb="1" eb="4">
      <t>イリョウテキ</t>
    </rPh>
    <rPh sb="7" eb="9">
      <t>ナイヨウ</t>
    </rPh>
    <rPh sb="10" eb="12">
      <t>キュウニュウ</t>
    </rPh>
    <phoneticPr fontId="6"/>
  </si>
  <si>
    <t>実施内容</t>
    <rPh sb="0" eb="4">
      <t>ジッシナイヨウ</t>
    </rPh>
    <phoneticPr fontId="6"/>
  </si>
  <si>
    <t>時間</t>
    <rPh sb="0" eb="2">
      <t>ジカン</t>
    </rPh>
    <phoneticPr fontId="6"/>
  </si>
  <si>
    <t>薬剤名</t>
    <rPh sb="0" eb="2">
      <t>ヤクザイ</t>
    </rPh>
    <rPh sb="2" eb="3">
      <t>メイ</t>
    </rPh>
    <phoneticPr fontId="6"/>
  </si>
  <si>
    <t>流量</t>
    <rPh sb="0" eb="2">
      <t>リュウリョウ</t>
    </rPh>
    <phoneticPr fontId="6"/>
  </si>
  <si>
    <t>□定時</t>
    <rPh sb="1" eb="3">
      <t>テイジ</t>
    </rPh>
    <phoneticPr fontId="6"/>
  </si>
  <si>
    <t>□随時</t>
    <rPh sb="1" eb="3">
      <t>ズイジ</t>
    </rPh>
    <phoneticPr fontId="6"/>
  </si>
  <si>
    <t>吸入が必要な体調</t>
    <rPh sb="0" eb="2">
      <t>キュウニュウ</t>
    </rPh>
    <rPh sb="3" eb="5">
      <t>ヒツヨウ</t>
    </rPh>
    <rPh sb="6" eb="8">
      <t>タイチョウ</t>
    </rPh>
    <phoneticPr fontId="6"/>
  </si>
  <si>
    <t>吸入内容</t>
    <rPh sb="0" eb="2">
      <t>キュウニュウ</t>
    </rPh>
    <rPh sb="2" eb="4">
      <t>ナイヨウ</t>
    </rPh>
    <phoneticPr fontId="6"/>
  </si>
  <si>
    <t>〇医療的ケアの内容（酸素療法）</t>
    <rPh sb="1" eb="4">
      <t>イリョウテキ</t>
    </rPh>
    <rPh sb="7" eb="9">
      <t>ナイヨウ</t>
    </rPh>
    <rPh sb="10" eb="12">
      <t>サンソ</t>
    </rPh>
    <rPh sb="12" eb="14">
      <t>リョウホウ</t>
    </rPh>
    <phoneticPr fontId="6"/>
  </si>
  <si>
    <t>方法</t>
    <rPh sb="0" eb="2">
      <t>ホウホウ</t>
    </rPh>
    <phoneticPr fontId="6"/>
  </si>
  <si>
    <t xml:space="preserve"> □経鼻カニューレ　  　　□酸素マスク　　    □気管カニューレ
 □人工呼吸器　　　      □その他（　　　　　　　        　）</t>
    <rPh sb="2" eb="4">
      <t>ケイビ</t>
    </rPh>
    <rPh sb="15" eb="17">
      <t>サンソ</t>
    </rPh>
    <rPh sb="27" eb="29">
      <t>キカン</t>
    </rPh>
    <rPh sb="37" eb="42">
      <t>ジンコウコキュウキ</t>
    </rPh>
    <rPh sb="54" eb="55">
      <t>ホカ</t>
    </rPh>
    <phoneticPr fontId="6"/>
  </si>
  <si>
    <t xml:space="preserve">  □常時</t>
    <rPh sb="3" eb="5">
      <t>ジョウジ</t>
    </rPh>
    <phoneticPr fontId="6"/>
  </si>
  <si>
    <t>　流量　　　　　　リットル／分</t>
    <rPh sb="1" eb="3">
      <t>リュウリョウ</t>
    </rPh>
    <rPh sb="14" eb="15">
      <t>フン</t>
    </rPh>
    <phoneticPr fontId="6"/>
  </si>
  <si>
    <t xml:space="preserve">  □随時</t>
    <rPh sb="3" eb="5">
      <t>ズイジ</t>
    </rPh>
    <phoneticPr fontId="6"/>
  </si>
  <si>
    <t>酸素吸入が
必要な体調</t>
    <rPh sb="0" eb="4">
      <t>サンソキュウニュウ</t>
    </rPh>
    <rPh sb="6" eb="8">
      <t>ヒツヨウ</t>
    </rPh>
    <rPh sb="9" eb="11">
      <t>タイチョウ</t>
    </rPh>
    <phoneticPr fontId="6"/>
  </si>
  <si>
    <t>停止する目安</t>
    <rPh sb="0" eb="2">
      <t>テイシ</t>
    </rPh>
    <rPh sb="4" eb="6">
      <t>メヤス</t>
    </rPh>
    <phoneticPr fontId="6"/>
  </si>
  <si>
    <t>実施時間</t>
    <rPh sb="0" eb="4">
      <t>ジッシジカン</t>
    </rPh>
    <phoneticPr fontId="6"/>
  </si>
  <si>
    <t>酸素増量の
指示</t>
    <rPh sb="0" eb="2">
      <t>サンソ</t>
    </rPh>
    <rPh sb="2" eb="4">
      <t>ゾウリョウ</t>
    </rPh>
    <rPh sb="6" eb="8">
      <t>シジ</t>
    </rPh>
    <phoneticPr fontId="6"/>
  </si>
  <si>
    <t>〇医療的ケアの内容（血糖測定・インスリン注射）</t>
    <rPh sb="1" eb="4">
      <t>イリョウテキ</t>
    </rPh>
    <rPh sb="7" eb="9">
      <t>ナイヨウ</t>
    </rPh>
    <rPh sb="10" eb="12">
      <t>ケットウ</t>
    </rPh>
    <rPh sb="12" eb="14">
      <t>ソクテイ</t>
    </rPh>
    <rPh sb="20" eb="22">
      <t>チュウシャ</t>
    </rPh>
    <phoneticPr fontId="6"/>
  </si>
  <si>
    <r>
      <t>血糖値と対応（補食・インスリン注射</t>
    </r>
    <r>
      <rPr>
        <sz val="10"/>
        <color theme="1"/>
        <rFont val="ＭＳ 明朝"/>
        <family val="1"/>
        <charset val="128"/>
      </rPr>
      <t>（※投与量含む）</t>
    </r>
    <r>
      <rPr>
        <sz val="11"/>
        <color theme="1"/>
        <rFont val="ＭＳ 明朝"/>
        <family val="1"/>
        <charset val="128"/>
      </rPr>
      <t>）</t>
    </r>
    <rPh sb="0" eb="2">
      <t>ケットウ</t>
    </rPh>
    <rPh sb="2" eb="3">
      <t>アタイ</t>
    </rPh>
    <rPh sb="4" eb="6">
      <t>タイオウ</t>
    </rPh>
    <rPh sb="7" eb="9">
      <t>ホショク</t>
    </rPh>
    <rPh sb="15" eb="17">
      <t>チュウシャ</t>
    </rPh>
    <rPh sb="19" eb="22">
      <t>トウヨリョウ</t>
    </rPh>
    <rPh sb="22" eb="23">
      <t>フク</t>
    </rPh>
    <phoneticPr fontId="6"/>
  </si>
  <si>
    <t>血糖測定・
インスリン
注射</t>
    <rPh sb="0" eb="2">
      <t>ケットウ</t>
    </rPh>
    <rPh sb="2" eb="4">
      <t>ソクテイ</t>
    </rPh>
    <rPh sb="12" eb="14">
      <t>チュウシャ</t>
    </rPh>
    <phoneticPr fontId="6"/>
  </si>
  <si>
    <t>目安となる体調</t>
    <rPh sb="0" eb="2">
      <t>メヤス</t>
    </rPh>
    <rPh sb="5" eb="7">
      <t>タイチョウ</t>
    </rPh>
    <phoneticPr fontId="6"/>
  </si>
  <si>
    <t>血糖値と対応</t>
    <rPh sb="0" eb="3">
      <t>ケットウチ</t>
    </rPh>
    <rPh sb="4" eb="6">
      <t>タイオウ</t>
    </rPh>
    <phoneticPr fontId="6"/>
  </si>
  <si>
    <t>随時測定</t>
    <rPh sb="0" eb="4">
      <t>ズイジソクテイ</t>
    </rPh>
    <phoneticPr fontId="6"/>
  </si>
  <si>
    <t>〇医療的ケアの内容（人工呼吸器）</t>
    <rPh sb="1" eb="4">
      <t>イリョウテキ</t>
    </rPh>
    <rPh sb="7" eb="9">
      <t>ナイヨウ</t>
    </rPh>
    <rPh sb="10" eb="12">
      <t>ジンコウ</t>
    </rPh>
    <rPh sb="12" eb="15">
      <t>コキュウキ</t>
    </rPh>
    <phoneticPr fontId="6"/>
  </si>
  <si>
    <t>呼吸器</t>
    <rPh sb="0" eb="3">
      <t>コキュウキ</t>
    </rPh>
    <phoneticPr fontId="6"/>
  </si>
  <si>
    <t>機種</t>
    <rPh sb="0" eb="2">
      <t>キシュ</t>
    </rPh>
    <phoneticPr fontId="6"/>
  </si>
  <si>
    <t>設定</t>
    <rPh sb="0" eb="2">
      <t>セッテイ</t>
    </rPh>
    <phoneticPr fontId="6"/>
  </si>
  <si>
    <t>自発呼吸</t>
    <rPh sb="0" eb="4">
      <t>ジハツコキュウ</t>
    </rPh>
    <phoneticPr fontId="6"/>
  </si>
  <si>
    <t>　 □ 有    　□ 無
　人工呼吸器を外していられる時間（　　　　　分程度）</t>
    <rPh sb="4" eb="5">
      <t>アリ</t>
    </rPh>
    <rPh sb="12" eb="13">
      <t>ナ</t>
    </rPh>
    <rPh sb="15" eb="20">
      <t>ジンコウコキュウキ</t>
    </rPh>
    <rPh sb="21" eb="22">
      <t>ハズ</t>
    </rPh>
    <rPh sb="28" eb="30">
      <t>ジカン</t>
    </rPh>
    <rPh sb="36" eb="37">
      <t>フン</t>
    </rPh>
    <rPh sb="37" eb="39">
      <t>テイド</t>
    </rPh>
    <phoneticPr fontId="6"/>
  </si>
  <si>
    <t xml:space="preserve"> □常時</t>
    <rPh sb="2" eb="4">
      <t>ジョウジ</t>
    </rPh>
    <phoneticPr fontId="6"/>
  </si>
  <si>
    <t xml:space="preserve"> □定時</t>
    <rPh sb="2" eb="4">
      <t>テイジ</t>
    </rPh>
    <phoneticPr fontId="6"/>
  </si>
  <si>
    <t xml:space="preserve"> □体調不良時</t>
    <rPh sb="2" eb="7">
      <t>タイチョウフリョウジ</t>
    </rPh>
    <phoneticPr fontId="6"/>
  </si>
  <si>
    <t xml:space="preserve"> □その他</t>
    <rPh sb="4" eb="5">
      <t>ホカ</t>
    </rPh>
    <phoneticPr fontId="6"/>
  </si>
  <si>
    <t>＜装着する時間＞</t>
    <rPh sb="1" eb="3">
      <t>ソウチャク</t>
    </rPh>
    <rPh sb="5" eb="7">
      <t>ジカン</t>
    </rPh>
    <phoneticPr fontId="6"/>
  </si>
  <si>
    <t>＜人工呼吸器の脱着＞
 □ 可　　□ 不可　□ 更衣や移乗（　　　　）のみ可</t>
    <rPh sb="1" eb="6">
      <t>ジンコウコキュウキ</t>
    </rPh>
    <rPh sb="7" eb="9">
      <t>ダッチャク</t>
    </rPh>
    <rPh sb="15" eb="16">
      <t>カ</t>
    </rPh>
    <rPh sb="20" eb="22">
      <t>フカ</t>
    </rPh>
    <rPh sb="25" eb="27">
      <t>コウイ</t>
    </rPh>
    <rPh sb="28" eb="30">
      <t>イジョウカ</t>
    </rPh>
    <phoneticPr fontId="6"/>
  </si>
  <si>
    <r>
      <t xml:space="preserve">＜装着が必要な体調＞ </t>
    </r>
    <r>
      <rPr>
        <u/>
        <sz val="11"/>
        <color theme="1"/>
        <rFont val="ＭＳ 明朝"/>
        <family val="1"/>
        <charset val="128"/>
      </rPr>
      <t>SpO2値　　　％以下で　　分継続</t>
    </r>
    <rPh sb="1" eb="3">
      <t>ソウチャク</t>
    </rPh>
    <rPh sb="4" eb="6">
      <t>ヒツヨウ</t>
    </rPh>
    <rPh sb="7" eb="9">
      <t>タイチョウ</t>
    </rPh>
    <rPh sb="15" eb="16">
      <t>チ</t>
    </rPh>
    <rPh sb="20" eb="22">
      <t>イカ</t>
    </rPh>
    <rPh sb="25" eb="26">
      <t>フン</t>
    </rPh>
    <rPh sb="26" eb="28">
      <t>ケイゾク</t>
    </rPh>
    <phoneticPr fontId="6"/>
  </si>
  <si>
    <t>装着する
時間帯</t>
    <rPh sb="0" eb="2">
      <t>ソウチャク</t>
    </rPh>
    <rPh sb="5" eb="8">
      <t>ジカンタイ</t>
    </rPh>
    <phoneticPr fontId="6"/>
  </si>
  <si>
    <r>
      <t xml:space="preserve">　 留意点
</t>
    </r>
    <r>
      <rPr>
        <sz val="9"/>
        <color theme="1"/>
        <rFont val="ＭＳ 明朝"/>
        <family val="1"/>
        <charset val="128"/>
      </rPr>
      <t>※喀痰吸引のタイミング等に関しては［別紙２］でコメント願います</t>
    </r>
    <r>
      <rPr>
        <sz val="10"/>
        <color theme="1"/>
        <rFont val="ＭＳ 明朝"/>
        <family val="1"/>
        <charset val="128"/>
      </rPr>
      <t>。</t>
    </r>
    <rPh sb="2" eb="5">
      <t>リュウイテン</t>
    </rPh>
    <rPh sb="7" eb="11">
      <t>カクタンキュウイン</t>
    </rPh>
    <rPh sb="17" eb="18">
      <t>トウ</t>
    </rPh>
    <rPh sb="19" eb="20">
      <t>カン</t>
    </rPh>
    <rPh sb="24" eb="26">
      <t>ベッシ</t>
    </rPh>
    <rPh sb="33" eb="34">
      <t>ネガ</t>
    </rPh>
    <phoneticPr fontId="6"/>
  </si>
  <si>
    <t>＜SpO2低下、呼吸困難、機器の故障等の対応＞
＜緊急搬送時の判断基準＞
        ●搬送先　：
        ●担当医　：　　　　　　科
        ●T E L　 ：</t>
    <rPh sb="5" eb="7">
      <t>テイカ</t>
    </rPh>
    <rPh sb="8" eb="12">
      <t>コキュウコンナン</t>
    </rPh>
    <rPh sb="13" eb="15">
      <t>キキ</t>
    </rPh>
    <rPh sb="16" eb="18">
      <t>コショウ</t>
    </rPh>
    <rPh sb="18" eb="19">
      <t>トウ</t>
    </rPh>
    <rPh sb="20" eb="22">
      <t>タイオウ</t>
    </rPh>
    <rPh sb="29" eb="34">
      <t>キンキュウハンソウジ</t>
    </rPh>
    <rPh sb="35" eb="37">
      <t>ハンダン</t>
    </rPh>
    <rPh sb="37" eb="39">
      <t>キジュン</t>
    </rPh>
    <rPh sb="53" eb="56">
      <t>ハンソウサキ</t>
    </rPh>
    <rPh sb="81" eb="83">
      <t>タントウ</t>
    </rPh>
    <rPh sb="83" eb="84">
      <t>イ</t>
    </rPh>
    <rPh sb="92" eb="93">
      <t>カ</t>
    </rPh>
    <phoneticPr fontId="6"/>
  </si>
  <si>
    <t>〇医療的ケアの内容（導尿）</t>
    <rPh sb="1" eb="4">
      <t>イリョウテキ</t>
    </rPh>
    <rPh sb="7" eb="9">
      <t>ナイヨウ</t>
    </rPh>
    <rPh sb="10" eb="12">
      <t>ドウニョウ</t>
    </rPh>
    <phoneticPr fontId="6"/>
  </si>
  <si>
    <t xml:space="preserve"> カテーテルの種類　　（　　　　　　　）　　サイズ　（　　　　）Fr
 尿道に挿入する長さ　（　　　　　）cm
 用手圧迫　　（　可　・　不可　）</t>
    <rPh sb="7" eb="9">
      <t>シュルイ</t>
    </rPh>
    <rPh sb="36" eb="38">
      <t>ニョウドウ</t>
    </rPh>
    <rPh sb="39" eb="41">
      <t>ソウニュウ</t>
    </rPh>
    <rPh sb="43" eb="44">
      <t>ナガ</t>
    </rPh>
    <rPh sb="57" eb="59">
      <t>ヨウシュ</t>
    </rPh>
    <rPh sb="59" eb="61">
      <t>アッパク</t>
    </rPh>
    <rPh sb="65" eb="66">
      <t>カ</t>
    </rPh>
    <rPh sb="69" eb="71">
      <t>フカ</t>
    </rPh>
    <phoneticPr fontId="6"/>
  </si>
  <si>
    <t xml:space="preserve"> 実施時間　（　　　：　　　）（　　　：　　　）（　　　：　　　）
　　　　　 （　　　：　　　）（　　　：　　　）（　　　：　　　）</t>
    <rPh sb="1" eb="3">
      <t>ジッシ</t>
    </rPh>
    <rPh sb="3" eb="5">
      <t>ジカン</t>
    </rPh>
    <phoneticPr fontId="6"/>
  </si>
  <si>
    <t>留意点
※特に、注意を要する尿の性状や混濁が持続する場合の対応についてコメント願います。</t>
    <rPh sb="0" eb="3">
      <t>リュウイテン</t>
    </rPh>
    <rPh sb="5" eb="6">
      <t>トク</t>
    </rPh>
    <rPh sb="8" eb="10">
      <t>チュウイ</t>
    </rPh>
    <rPh sb="11" eb="12">
      <t>ヨウ</t>
    </rPh>
    <rPh sb="14" eb="15">
      <t>ニョウ</t>
    </rPh>
    <rPh sb="16" eb="18">
      <t>セイジョウ</t>
    </rPh>
    <rPh sb="19" eb="21">
      <t>コンダク</t>
    </rPh>
    <rPh sb="22" eb="24">
      <t>ジゾク</t>
    </rPh>
    <rPh sb="26" eb="28">
      <t>バアイ</t>
    </rPh>
    <rPh sb="29" eb="31">
      <t>タイオウ</t>
    </rPh>
    <rPh sb="39" eb="40">
      <t>ネガ</t>
    </rPh>
    <phoneticPr fontId="6"/>
  </si>
  <si>
    <t>〇医療的ケアの内容（　　　　　　　　　　　　　　）</t>
    <rPh sb="1" eb="4">
      <t>イリョウテキ</t>
    </rPh>
    <rPh sb="7" eb="9">
      <t>ナイヨウ</t>
    </rPh>
    <phoneticPr fontId="6"/>
  </si>
  <si>
    <r>
      <t xml:space="preserve">　実施内容
</t>
    </r>
    <r>
      <rPr>
        <sz val="10"/>
        <color theme="1"/>
        <rFont val="ＭＳ 明朝"/>
        <family val="1"/>
        <charset val="128"/>
      </rPr>
      <t>※交換頻度についてコメント願います。</t>
    </r>
    <rPh sb="1" eb="3">
      <t>ジッシ</t>
    </rPh>
    <rPh sb="3" eb="5">
      <t>ナイヨウ</t>
    </rPh>
    <rPh sb="7" eb="11">
      <t>コウカンヒンド</t>
    </rPh>
    <rPh sb="19" eb="20">
      <t>ネガ</t>
    </rPh>
    <phoneticPr fontId="6"/>
  </si>
  <si>
    <t xml:space="preserve"> ①SpO2値（　　　％）以下の場合、流量（　　　　リットル／分）に増量
 ②SpO2値が改善されない状態が（　　　　分）継続した場合、
   流量（　　　　リットル／分）ずつ増量
 ③最大酸素流量（　　　　リットル／分）まで増量可能</t>
    <rPh sb="6" eb="7">
      <t>チ</t>
    </rPh>
    <rPh sb="13" eb="15">
      <t>イカ</t>
    </rPh>
    <rPh sb="16" eb="18">
      <t>バアイ</t>
    </rPh>
    <rPh sb="19" eb="21">
      <t>リュウリョウ</t>
    </rPh>
    <rPh sb="31" eb="32">
      <t>フン</t>
    </rPh>
    <rPh sb="34" eb="36">
      <t>ゾウリョウ</t>
    </rPh>
    <rPh sb="46" eb="48">
      <t>カイゼン</t>
    </rPh>
    <rPh sb="52" eb="54">
      <t>ジョウタイ</t>
    </rPh>
    <rPh sb="60" eb="61">
      <t>フン</t>
    </rPh>
    <rPh sb="62" eb="64">
      <t>ケイゾク</t>
    </rPh>
    <rPh sb="66" eb="68">
      <t>バアイ</t>
    </rPh>
    <rPh sb="73" eb="75">
      <t>リュウリョウ</t>
    </rPh>
    <rPh sb="89" eb="91">
      <t>ゾウリョウ</t>
    </rPh>
    <rPh sb="95" eb="97">
      <t>サイダイ</t>
    </rPh>
    <rPh sb="97" eb="101">
      <t>サンソリュウリョウ</t>
    </rPh>
    <rPh sb="115" eb="117">
      <t>ゾウリョウ</t>
    </rPh>
    <rPh sb="117" eb="118">
      <t>カ</t>
    </rPh>
    <rPh sb="118" eb="119">
      <t>ノウ</t>
    </rPh>
    <phoneticPr fontId="6"/>
  </si>
  <si>
    <r>
      <t>※終了日の指定がない場合は</t>
    </r>
    <r>
      <rPr>
        <sz val="10"/>
        <rFont val="ＭＳ 明朝"/>
        <family val="1"/>
        <charset val="128"/>
      </rPr>
      <t>令和７</t>
    </r>
    <r>
      <rPr>
        <sz val="10"/>
        <color theme="1"/>
        <rFont val="ＭＳ 明朝"/>
        <family val="1"/>
        <charset val="128"/>
      </rPr>
      <t>年３月31日としてください。</t>
    </r>
    <rPh sb="13" eb="15">
      <t>レイワ</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7" x14ac:knownFonts="1">
    <font>
      <sz val="11"/>
      <color theme="1"/>
      <name val="游ゴシック"/>
      <family val="2"/>
      <charset val="128"/>
      <scheme val="minor"/>
    </font>
    <font>
      <sz val="11"/>
      <color theme="1"/>
      <name val="ＭＳ 明朝"/>
      <family val="1"/>
      <charset val="128"/>
    </font>
    <font>
      <sz val="10"/>
      <color theme="1"/>
      <name val="ＭＳ 明朝"/>
      <family val="1"/>
      <charset val="128"/>
    </font>
    <font>
      <sz val="14"/>
      <color theme="1"/>
      <name val="ＭＳ Ｐゴシック"/>
      <family val="3"/>
      <charset val="128"/>
    </font>
    <font>
      <sz val="9"/>
      <color theme="1"/>
      <name val="游明朝"/>
      <family val="1"/>
      <charset val="128"/>
    </font>
    <font>
      <sz val="10.5"/>
      <color theme="1"/>
      <name val="游明朝"/>
      <family val="1"/>
      <charset val="128"/>
    </font>
    <font>
      <sz val="6"/>
      <name val="游ゴシック"/>
      <family val="2"/>
      <charset val="128"/>
      <scheme val="minor"/>
    </font>
    <font>
      <sz val="10.5"/>
      <color theme="1"/>
      <name val="ＭＳ 明朝"/>
      <family val="1"/>
      <charset val="128"/>
    </font>
    <font>
      <sz val="12"/>
      <color theme="1"/>
      <name val="游ゴシック"/>
      <family val="2"/>
      <charset val="128"/>
      <scheme val="minor"/>
    </font>
    <font>
      <sz val="14"/>
      <color theme="1"/>
      <name val="ＭＳ 明朝"/>
      <family val="1"/>
      <charset val="128"/>
    </font>
    <font>
      <sz val="9"/>
      <color theme="1"/>
      <name val="ＭＳ 明朝"/>
      <family val="1"/>
      <charset val="128"/>
    </font>
    <font>
      <u/>
      <sz val="11"/>
      <color theme="1"/>
      <name val="ＭＳ 明朝"/>
      <family val="1"/>
      <charset val="128"/>
    </font>
    <font>
      <sz val="10"/>
      <name val="ＭＳ 明朝"/>
      <family val="1"/>
      <charset val="128"/>
    </font>
    <font>
      <sz val="11"/>
      <name val="ＭＳ 明朝"/>
      <family val="1"/>
      <charset val="128"/>
    </font>
    <font>
      <sz val="11"/>
      <name val="游ゴシック"/>
      <family val="2"/>
      <charset val="128"/>
      <scheme val="minor"/>
    </font>
    <font>
      <sz val="12"/>
      <name val="ＭＳ 明朝"/>
      <family val="1"/>
      <charset val="128"/>
    </font>
    <font>
      <sz val="12"/>
      <name val="游ゴシック"/>
      <family val="2"/>
      <charset val="128"/>
      <scheme val="minor"/>
    </font>
  </fonts>
  <fills count="2">
    <fill>
      <patternFill patternType="none"/>
    </fill>
    <fill>
      <patternFill patternType="gray125"/>
    </fill>
  </fills>
  <borders count="12">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s>
  <cellStyleXfs count="1">
    <xf numFmtId="0" fontId="0" fillId="0" borderId="0">
      <alignment vertical="center"/>
    </xf>
  </cellStyleXfs>
  <cellXfs count="115">
    <xf numFmtId="0" fontId="0" fillId="0" borderId="0" xfId="0">
      <alignment vertical="center"/>
    </xf>
    <xf numFmtId="0" fontId="5" fillId="0" borderId="0" xfId="0" applyFont="1">
      <alignment vertical="center"/>
    </xf>
    <xf numFmtId="0" fontId="0" fillId="0" borderId="0" xfId="0" applyAlignment="1">
      <alignment horizontal="center" vertical="center"/>
    </xf>
    <xf numFmtId="0" fontId="7" fillId="0" borderId="0" xfId="0" applyFont="1" applyAlignment="1">
      <alignment horizontal="left" vertical="center"/>
    </xf>
    <xf numFmtId="0" fontId="1" fillId="0" borderId="0" xfId="0" applyFont="1" applyAlignment="1">
      <alignment horizontal="left" vertical="center"/>
    </xf>
    <xf numFmtId="0" fontId="1" fillId="0" borderId="0" xfId="0" applyFont="1">
      <alignment vertical="center"/>
    </xf>
    <xf numFmtId="0" fontId="0" fillId="0" borderId="7" xfId="0" applyBorder="1">
      <alignment vertical="center"/>
    </xf>
    <xf numFmtId="0" fontId="0" fillId="0" borderId="8" xfId="0" applyBorder="1">
      <alignment vertical="center"/>
    </xf>
    <xf numFmtId="0" fontId="0" fillId="0" borderId="9" xfId="0" applyBorder="1">
      <alignment vertical="center"/>
    </xf>
    <xf numFmtId="0" fontId="1" fillId="0" borderId="7" xfId="0" applyFont="1" applyBorder="1" applyAlignment="1">
      <alignment horizontal="center" vertical="center"/>
    </xf>
    <xf numFmtId="0" fontId="1" fillId="0" borderId="7" xfId="0" applyFont="1" applyBorder="1" applyAlignment="1">
      <alignment vertical="center"/>
    </xf>
    <xf numFmtId="0" fontId="8" fillId="0" borderId="0" xfId="0" applyFont="1">
      <alignment vertical="center"/>
    </xf>
    <xf numFmtId="0" fontId="0" fillId="0" borderId="1" xfId="0" applyBorder="1">
      <alignment vertical="center"/>
    </xf>
    <xf numFmtId="0" fontId="0" fillId="0" borderId="2" xfId="0" applyBorder="1">
      <alignment vertical="center"/>
    </xf>
    <xf numFmtId="0" fontId="0" fillId="0" borderId="3" xfId="0" applyBorder="1">
      <alignment vertical="center"/>
    </xf>
    <xf numFmtId="0" fontId="0" fillId="0" borderId="10" xfId="0" applyBorder="1">
      <alignment vertical="center"/>
    </xf>
    <xf numFmtId="0" fontId="0" fillId="0" borderId="0" xfId="0" applyBorder="1">
      <alignment vertical="center"/>
    </xf>
    <xf numFmtId="0" fontId="0" fillId="0" borderId="11" xfId="0" applyBorder="1">
      <alignment vertical="center"/>
    </xf>
    <xf numFmtId="0" fontId="0" fillId="0" borderId="4" xfId="0" applyBorder="1">
      <alignment vertical="center"/>
    </xf>
    <xf numFmtId="0" fontId="0" fillId="0" borderId="5" xfId="0" applyBorder="1">
      <alignment vertical="center"/>
    </xf>
    <xf numFmtId="0" fontId="0" fillId="0" borderId="6" xfId="0" applyBorder="1">
      <alignment vertical="center"/>
    </xf>
    <xf numFmtId="0" fontId="1" fillId="0" borderId="1" xfId="0" applyFont="1" applyBorder="1">
      <alignment vertical="center"/>
    </xf>
    <xf numFmtId="0" fontId="1" fillId="0" borderId="3" xfId="0" applyFont="1" applyBorder="1">
      <alignment vertical="center"/>
    </xf>
    <xf numFmtId="0" fontId="1" fillId="0" borderId="2" xfId="0" applyFont="1" applyBorder="1">
      <alignment vertical="center"/>
    </xf>
    <xf numFmtId="0" fontId="1" fillId="0" borderId="10" xfId="0" applyFont="1" applyBorder="1">
      <alignment vertical="center"/>
    </xf>
    <xf numFmtId="0" fontId="1" fillId="0" borderId="11" xfId="0" applyFont="1" applyBorder="1">
      <alignment vertical="center"/>
    </xf>
    <xf numFmtId="0" fontId="1" fillId="0" borderId="0" xfId="0" applyFont="1" applyBorder="1">
      <alignment vertical="center"/>
    </xf>
    <xf numFmtId="0" fontId="1" fillId="0" borderId="4" xfId="0" applyFont="1" applyBorder="1">
      <alignment vertical="center"/>
    </xf>
    <xf numFmtId="0" fontId="1" fillId="0" borderId="6" xfId="0" applyFont="1" applyBorder="1">
      <alignment vertical="center"/>
    </xf>
    <xf numFmtId="0" fontId="9" fillId="0" borderId="0" xfId="0" applyFont="1">
      <alignment vertical="center"/>
    </xf>
    <xf numFmtId="0" fontId="1" fillId="0" borderId="5" xfId="0" applyFont="1" applyBorder="1">
      <alignment vertical="center"/>
    </xf>
    <xf numFmtId="0" fontId="1" fillId="0" borderId="0" xfId="0" applyFont="1" applyBorder="1" applyAlignment="1">
      <alignment horizontal="center" vertical="center"/>
    </xf>
    <xf numFmtId="0" fontId="1" fillId="0" borderId="7" xfId="0" applyFont="1" applyBorder="1">
      <alignment vertical="center"/>
    </xf>
    <xf numFmtId="0" fontId="1" fillId="0" borderId="8" xfId="0" applyFont="1" applyBorder="1">
      <alignment vertical="center"/>
    </xf>
    <xf numFmtId="0" fontId="1" fillId="0" borderId="0" xfId="0" applyFont="1" applyBorder="1" applyAlignment="1">
      <alignment vertical="center"/>
    </xf>
    <xf numFmtId="0" fontId="1" fillId="0" borderId="9" xfId="0" applyFont="1" applyBorder="1">
      <alignment vertical="center"/>
    </xf>
    <xf numFmtId="0" fontId="0" fillId="0" borderId="8" xfId="0" applyBorder="1" applyAlignment="1">
      <alignment vertical="center"/>
    </xf>
    <xf numFmtId="0" fontId="1" fillId="0" borderId="0" xfId="0" applyFont="1" applyBorder="1" applyAlignment="1">
      <alignment horizontal="left" vertical="top"/>
    </xf>
    <xf numFmtId="0" fontId="1" fillId="0" borderId="0" xfId="0" applyFont="1" applyBorder="1" applyAlignment="1">
      <alignment horizontal="left" vertical="center"/>
    </xf>
    <xf numFmtId="0" fontId="1" fillId="0" borderId="0" xfId="0" applyFont="1" applyAlignment="1">
      <alignment horizontal="center" vertical="center"/>
    </xf>
    <xf numFmtId="0" fontId="1" fillId="0" borderId="0" xfId="0" applyFont="1" applyAlignment="1">
      <alignment horizontal="left" vertical="center"/>
    </xf>
    <xf numFmtId="0" fontId="3" fillId="0" borderId="0" xfId="0" applyFont="1" applyAlignment="1">
      <alignment horizontal="center" vertical="center"/>
    </xf>
    <xf numFmtId="0" fontId="5" fillId="0" borderId="0" xfId="0" applyFont="1" applyAlignment="1">
      <alignment vertical="center"/>
    </xf>
    <xf numFmtId="0" fontId="7" fillId="0" borderId="0" xfId="0" applyFont="1" applyAlignment="1">
      <alignment horizontal="left" vertical="center"/>
    </xf>
    <xf numFmtId="0" fontId="0" fillId="0" borderId="0" xfId="0" applyAlignment="1">
      <alignment horizontal="center" vertical="center"/>
    </xf>
    <xf numFmtId="0" fontId="2" fillId="0" borderId="0" xfId="0" applyFont="1" applyAlignment="1">
      <alignment horizontal="center" vertical="center"/>
    </xf>
    <xf numFmtId="0" fontId="1" fillId="0" borderId="8" xfId="0" applyFont="1" applyBorder="1" applyAlignment="1">
      <alignment horizontal="right" vertical="center" indent="1"/>
    </xf>
    <xf numFmtId="0" fontId="1" fillId="0" borderId="9" xfId="0" applyFont="1" applyBorder="1" applyAlignment="1">
      <alignment horizontal="right" vertical="center" indent="1"/>
    </xf>
    <xf numFmtId="0" fontId="1" fillId="0" borderId="7" xfId="0" applyFont="1" applyBorder="1" applyAlignment="1">
      <alignment horizontal="center" vertical="center"/>
    </xf>
    <xf numFmtId="0" fontId="1" fillId="0" borderId="9" xfId="0" applyFont="1" applyBorder="1" applyAlignment="1">
      <alignment horizontal="center" vertical="center"/>
    </xf>
    <xf numFmtId="0" fontId="1" fillId="0" borderId="8" xfId="0" applyFont="1" applyBorder="1" applyAlignment="1">
      <alignment horizontal="center" vertical="center"/>
    </xf>
    <xf numFmtId="0" fontId="1" fillId="0" borderId="7" xfId="0" applyFont="1" applyBorder="1" applyAlignment="1">
      <alignment horizontal="left" vertical="center"/>
    </xf>
    <xf numFmtId="0" fontId="1" fillId="0" borderId="8" xfId="0" applyFont="1" applyBorder="1" applyAlignment="1">
      <alignment horizontal="left" vertical="center"/>
    </xf>
    <xf numFmtId="0" fontId="1" fillId="0" borderId="9" xfId="0" applyFont="1" applyBorder="1" applyAlignment="1">
      <alignment horizontal="left" vertical="center"/>
    </xf>
    <xf numFmtId="0" fontId="1" fillId="0" borderId="1" xfId="0" applyFont="1" applyBorder="1" applyAlignment="1">
      <alignment horizontal="center" vertical="center"/>
    </xf>
    <xf numFmtId="0" fontId="1" fillId="0" borderId="2" xfId="0" applyFont="1" applyBorder="1" applyAlignment="1">
      <alignment horizontal="center" vertical="center"/>
    </xf>
    <xf numFmtId="0" fontId="1" fillId="0" borderId="3" xfId="0" applyFont="1" applyBorder="1" applyAlignment="1">
      <alignment horizontal="center" vertical="center"/>
    </xf>
    <xf numFmtId="0" fontId="1" fillId="0" borderId="4" xfId="0" applyFont="1" applyBorder="1" applyAlignment="1">
      <alignment horizontal="center" vertical="center"/>
    </xf>
    <xf numFmtId="0" fontId="1" fillId="0" borderId="5" xfId="0" applyFont="1" applyBorder="1" applyAlignment="1">
      <alignment horizontal="center" vertical="center"/>
    </xf>
    <xf numFmtId="0" fontId="1" fillId="0" borderId="6" xfId="0" applyFont="1" applyBorder="1" applyAlignment="1">
      <alignment horizontal="center" vertical="center"/>
    </xf>
    <xf numFmtId="0" fontId="1" fillId="0" borderId="4" xfId="0" applyFont="1" applyBorder="1" applyAlignment="1">
      <alignment horizontal="left" vertical="center"/>
    </xf>
    <xf numFmtId="0" fontId="1" fillId="0" borderId="5" xfId="0" applyFont="1" applyBorder="1" applyAlignment="1">
      <alignment horizontal="left" vertical="center"/>
    </xf>
    <xf numFmtId="0" fontId="1" fillId="0" borderId="6" xfId="0" applyFont="1" applyBorder="1" applyAlignment="1">
      <alignment horizontal="left" vertical="center"/>
    </xf>
    <xf numFmtId="0" fontId="1" fillId="0" borderId="1" xfId="0" applyFont="1" applyBorder="1" applyAlignment="1">
      <alignment horizontal="left" vertical="center"/>
    </xf>
    <xf numFmtId="0" fontId="1" fillId="0" borderId="2" xfId="0" applyFont="1" applyBorder="1" applyAlignment="1">
      <alignment horizontal="left" vertical="center"/>
    </xf>
    <xf numFmtId="0" fontId="1" fillId="0" borderId="3" xfId="0" applyFont="1" applyBorder="1" applyAlignment="1">
      <alignment horizontal="left" vertical="center"/>
    </xf>
    <xf numFmtId="0" fontId="1" fillId="0" borderId="10" xfId="0" applyFont="1" applyBorder="1" applyAlignment="1">
      <alignment horizontal="center" vertical="center"/>
    </xf>
    <xf numFmtId="0" fontId="1" fillId="0" borderId="11" xfId="0" applyFont="1" applyBorder="1" applyAlignment="1">
      <alignment horizontal="center" vertical="center"/>
    </xf>
    <xf numFmtId="0" fontId="1" fillId="0" borderId="7" xfId="0" applyFont="1" applyBorder="1" applyAlignment="1">
      <alignment horizontal="center" vertical="center" wrapText="1"/>
    </xf>
    <xf numFmtId="0" fontId="1" fillId="0" borderId="8" xfId="0" applyFont="1" applyBorder="1" applyAlignment="1">
      <alignment horizontal="center" vertical="center" wrapText="1"/>
    </xf>
    <xf numFmtId="0" fontId="1" fillId="0" borderId="9" xfId="0" applyFont="1" applyBorder="1" applyAlignment="1">
      <alignment horizontal="center" vertical="center" wrapText="1"/>
    </xf>
    <xf numFmtId="0" fontId="0" fillId="0" borderId="1" xfId="0" applyBorder="1" applyAlignment="1">
      <alignment horizontal="center" vertical="center"/>
    </xf>
    <xf numFmtId="0" fontId="0" fillId="0" borderId="3"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0" fillId="0" borderId="4" xfId="0" applyBorder="1" applyAlignment="1">
      <alignment horizontal="center" vertical="center"/>
    </xf>
    <xf numFmtId="0" fontId="0" fillId="0" borderId="6" xfId="0" applyBorder="1" applyAlignment="1">
      <alignment horizontal="center" vertical="center"/>
    </xf>
    <xf numFmtId="0" fontId="1" fillId="0" borderId="7" xfId="0" applyFont="1" applyBorder="1" applyAlignment="1">
      <alignment vertical="center"/>
    </xf>
    <xf numFmtId="0" fontId="1" fillId="0" borderId="8" xfId="0" applyFont="1" applyBorder="1" applyAlignment="1">
      <alignment vertical="center"/>
    </xf>
    <xf numFmtId="0" fontId="1" fillId="0" borderId="9" xfId="0" applyFont="1" applyBorder="1" applyAlignment="1">
      <alignment vertical="center"/>
    </xf>
    <xf numFmtId="0" fontId="1" fillId="0" borderId="1" xfId="0" applyFont="1" applyBorder="1" applyAlignment="1">
      <alignment horizontal="left" vertical="top"/>
    </xf>
    <xf numFmtId="0" fontId="1" fillId="0" borderId="2" xfId="0" applyFont="1" applyBorder="1" applyAlignment="1">
      <alignment horizontal="left" vertical="top"/>
    </xf>
    <xf numFmtId="0" fontId="1" fillId="0" borderId="3" xfId="0" applyFont="1" applyBorder="1" applyAlignment="1">
      <alignment horizontal="left" vertical="top"/>
    </xf>
    <xf numFmtId="0" fontId="1" fillId="0" borderId="1" xfId="0" applyFont="1" applyBorder="1" applyAlignment="1">
      <alignment horizontal="left" vertical="center" wrapText="1"/>
    </xf>
    <xf numFmtId="0" fontId="1" fillId="0" borderId="10" xfId="0" applyFont="1" applyBorder="1" applyAlignment="1">
      <alignment horizontal="left" vertical="center"/>
    </xf>
    <xf numFmtId="0" fontId="1" fillId="0" borderId="11" xfId="0" applyFont="1" applyBorder="1" applyAlignment="1">
      <alignment horizontal="left" vertical="center"/>
    </xf>
    <xf numFmtId="0" fontId="0" fillId="0" borderId="8" xfId="0" applyBorder="1" applyAlignment="1">
      <alignment horizontal="left" vertical="center"/>
    </xf>
    <xf numFmtId="0" fontId="0" fillId="0" borderId="9" xfId="0" applyBorder="1" applyAlignment="1">
      <alignment horizontal="left" vertical="center"/>
    </xf>
    <xf numFmtId="0" fontId="1" fillId="0" borderId="7" xfId="0" applyFont="1" applyBorder="1" applyAlignment="1">
      <alignment horizontal="left" vertical="center" wrapText="1"/>
    </xf>
    <xf numFmtId="0" fontId="1" fillId="0" borderId="1" xfId="0" applyFont="1" applyBorder="1" applyAlignment="1">
      <alignment horizontal="center" vertical="center" wrapText="1"/>
    </xf>
    <xf numFmtId="0" fontId="1" fillId="0" borderId="1" xfId="0" applyFont="1" applyBorder="1" applyAlignment="1">
      <alignment horizontal="left" vertical="top" wrapText="1"/>
    </xf>
    <xf numFmtId="0" fontId="1" fillId="0" borderId="10" xfId="0" applyFont="1" applyBorder="1" applyAlignment="1">
      <alignment horizontal="left" vertical="top"/>
    </xf>
    <xf numFmtId="0" fontId="1" fillId="0" borderId="0" xfId="0" applyFont="1" applyBorder="1" applyAlignment="1">
      <alignment horizontal="left" vertical="top"/>
    </xf>
    <xf numFmtId="0" fontId="1" fillId="0" borderId="11" xfId="0" applyFont="1" applyBorder="1" applyAlignment="1">
      <alignment horizontal="left" vertical="top"/>
    </xf>
    <xf numFmtId="0" fontId="1" fillId="0" borderId="4" xfId="0" applyFont="1" applyBorder="1" applyAlignment="1">
      <alignment horizontal="left" vertical="top"/>
    </xf>
    <xf numFmtId="0" fontId="1" fillId="0" borderId="5" xfId="0" applyFont="1" applyBorder="1" applyAlignment="1">
      <alignment horizontal="left" vertical="top"/>
    </xf>
    <xf numFmtId="0" fontId="1" fillId="0" borderId="6" xfId="0" applyFont="1" applyBorder="1" applyAlignment="1">
      <alignment horizontal="left" vertical="top"/>
    </xf>
    <xf numFmtId="0" fontId="1" fillId="0" borderId="0" xfId="0" applyFont="1" applyBorder="1" applyAlignment="1">
      <alignment horizontal="center" vertical="center"/>
    </xf>
    <xf numFmtId="0" fontId="1" fillId="0" borderId="0" xfId="0" applyFont="1" applyBorder="1" applyAlignment="1">
      <alignment horizontal="left" vertical="center"/>
    </xf>
    <xf numFmtId="0" fontId="1" fillId="0" borderId="7" xfId="0" applyFont="1" applyBorder="1" applyAlignment="1">
      <alignment horizontal="left" vertical="top"/>
    </xf>
    <xf numFmtId="0" fontId="1" fillId="0" borderId="8" xfId="0" applyFont="1" applyBorder="1" applyAlignment="1">
      <alignment horizontal="left" vertical="top"/>
    </xf>
    <xf numFmtId="0" fontId="1" fillId="0" borderId="9" xfId="0" applyFont="1" applyBorder="1" applyAlignment="1">
      <alignment horizontal="left" vertical="top"/>
    </xf>
    <xf numFmtId="0" fontId="1" fillId="0" borderId="2" xfId="0" applyFont="1" applyBorder="1" applyAlignment="1">
      <alignment horizontal="left" vertical="top" wrapText="1"/>
    </xf>
    <xf numFmtId="0" fontId="1" fillId="0" borderId="3" xfId="0" applyFont="1" applyBorder="1" applyAlignment="1">
      <alignment horizontal="left" vertical="top" wrapText="1"/>
    </xf>
    <xf numFmtId="0" fontId="1" fillId="0" borderId="10" xfId="0" applyFont="1" applyBorder="1" applyAlignment="1">
      <alignment horizontal="left" vertical="top" wrapText="1"/>
    </xf>
    <xf numFmtId="0" fontId="1" fillId="0" borderId="0" xfId="0" applyFont="1" applyBorder="1" applyAlignment="1">
      <alignment horizontal="left" vertical="top" wrapText="1"/>
    </xf>
    <xf numFmtId="0" fontId="1" fillId="0" borderId="11" xfId="0" applyFont="1" applyBorder="1" applyAlignment="1">
      <alignment horizontal="left" vertical="top" wrapText="1"/>
    </xf>
    <xf numFmtId="0" fontId="1" fillId="0" borderId="4" xfId="0" applyFont="1" applyBorder="1" applyAlignment="1">
      <alignment horizontal="left" vertical="top" wrapText="1"/>
    </xf>
    <xf numFmtId="0" fontId="1" fillId="0" borderId="5" xfId="0" applyFont="1" applyBorder="1" applyAlignment="1">
      <alignment horizontal="left" vertical="top" wrapText="1"/>
    </xf>
    <xf numFmtId="0" fontId="1" fillId="0" borderId="6" xfId="0" applyFont="1" applyBorder="1" applyAlignment="1">
      <alignment horizontal="left" vertical="top" wrapText="1"/>
    </xf>
    <xf numFmtId="0" fontId="13" fillId="0" borderId="0" xfId="0" applyFont="1">
      <alignment vertical="center"/>
    </xf>
    <xf numFmtId="0" fontId="14" fillId="0" borderId="0" xfId="0" applyFont="1">
      <alignment vertical="center"/>
    </xf>
    <xf numFmtId="0" fontId="15" fillId="0" borderId="0" xfId="0" applyFont="1">
      <alignment vertical="center"/>
    </xf>
    <xf numFmtId="0" fontId="16" fillId="0" borderId="0" xfId="0" applyFont="1">
      <alignment vertical="center"/>
    </xf>
    <xf numFmtId="0" fontId="13" fillId="0" borderId="0" xfId="0" applyFont="1" applyAlignment="1">
      <alignment horizontal="left"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FD911B-9C75-4A26-8CBA-224E8A7751BC}">
  <dimension ref="A1:I38"/>
  <sheetViews>
    <sheetView tabSelected="1" view="pageLayout" zoomScaleNormal="100" zoomScaleSheetLayoutView="100" workbookViewId="0">
      <selection activeCell="E38" sqref="E38:F38"/>
    </sheetView>
  </sheetViews>
  <sheetFormatPr defaultRowHeight="18.75" x14ac:dyDescent="0.4"/>
  <sheetData>
    <row r="1" spans="1:9" x14ac:dyDescent="0.4">
      <c r="F1" s="39" t="s">
        <v>27</v>
      </c>
      <c r="G1" s="39"/>
      <c r="H1" s="39"/>
      <c r="I1" s="39"/>
    </row>
    <row r="2" spans="1:9" ht="12.6" customHeight="1" x14ac:dyDescent="0.4">
      <c r="F2" s="2"/>
      <c r="G2" s="2"/>
      <c r="H2" s="2"/>
      <c r="I2" s="2"/>
    </row>
    <row r="3" spans="1:9" x14ac:dyDescent="0.4">
      <c r="A3" s="41" t="s">
        <v>0</v>
      </c>
      <c r="B3" s="41"/>
      <c r="C3" s="41"/>
      <c r="D3" s="41"/>
      <c r="E3" s="41"/>
      <c r="F3" s="41"/>
      <c r="G3" s="41"/>
      <c r="H3" s="41"/>
      <c r="I3" s="41"/>
    </row>
    <row r="4" spans="1:9" ht="10.5" customHeight="1" x14ac:dyDescent="0.4">
      <c r="A4" s="1"/>
    </row>
    <row r="5" spans="1:9" ht="34.5" customHeight="1" x14ac:dyDescent="0.4">
      <c r="A5" s="42" t="s">
        <v>3</v>
      </c>
      <c r="B5" s="42"/>
      <c r="C5" s="42"/>
      <c r="D5" s="42"/>
      <c r="E5" s="42"/>
    </row>
    <row r="6" spans="1:9" x14ac:dyDescent="0.4">
      <c r="A6" s="3" t="s">
        <v>2</v>
      </c>
      <c r="B6" s="3"/>
      <c r="C6" s="3"/>
      <c r="D6" s="3"/>
      <c r="E6" s="4"/>
      <c r="F6" s="5"/>
    </row>
    <row r="7" spans="1:9" x14ac:dyDescent="0.4">
      <c r="A7" s="43" t="s">
        <v>1</v>
      </c>
      <c r="B7" s="43"/>
      <c r="C7" s="43"/>
      <c r="D7" s="43"/>
      <c r="E7" s="43"/>
      <c r="F7" s="43"/>
    </row>
    <row r="8" spans="1:9" x14ac:dyDescent="0.4">
      <c r="D8" s="45" t="s">
        <v>120</v>
      </c>
      <c r="E8" s="45"/>
      <c r="F8" s="45"/>
      <c r="G8" s="45"/>
      <c r="H8" s="45"/>
      <c r="I8" s="45"/>
    </row>
    <row r="9" spans="1:9" ht="10.5" customHeight="1" x14ac:dyDescent="0.4">
      <c r="A9" s="44"/>
      <c r="B9" s="44"/>
      <c r="C9" s="44"/>
      <c r="D9" s="44"/>
      <c r="E9" s="44"/>
      <c r="F9" s="44"/>
      <c r="G9" s="44"/>
      <c r="H9" s="44"/>
      <c r="I9" s="44"/>
    </row>
    <row r="10" spans="1:9" ht="30" customHeight="1" x14ac:dyDescent="0.4">
      <c r="A10" s="48" t="s">
        <v>4</v>
      </c>
      <c r="B10" s="49"/>
      <c r="C10" s="10"/>
      <c r="D10" s="46" t="s">
        <v>6</v>
      </c>
      <c r="E10" s="46"/>
      <c r="F10" s="46"/>
      <c r="G10" s="46"/>
      <c r="H10" s="46"/>
      <c r="I10" s="47"/>
    </row>
    <row r="11" spans="1:9" ht="30" customHeight="1" x14ac:dyDescent="0.4">
      <c r="A11" s="48" t="s">
        <v>5</v>
      </c>
      <c r="B11" s="49"/>
      <c r="C11" s="10"/>
      <c r="D11" s="7"/>
      <c r="E11" s="7"/>
      <c r="F11" s="7"/>
      <c r="G11" s="7"/>
      <c r="H11" s="7"/>
      <c r="I11" s="8"/>
    </row>
    <row r="13" spans="1:9" x14ac:dyDescent="0.4">
      <c r="A13" s="110" t="s">
        <v>7</v>
      </c>
      <c r="B13" s="110"/>
      <c r="C13" s="110"/>
      <c r="D13" s="110"/>
      <c r="E13" s="110"/>
      <c r="F13" s="110"/>
      <c r="G13" s="110"/>
      <c r="H13" s="5"/>
    </row>
    <row r="14" spans="1:9" x14ac:dyDescent="0.4">
      <c r="A14" s="110"/>
      <c r="B14" s="110"/>
      <c r="C14" s="110"/>
      <c r="D14" s="110"/>
      <c r="E14" s="110"/>
      <c r="F14" s="110"/>
      <c r="G14" s="110"/>
      <c r="H14" s="5"/>
    </row>
    <row r="15" spans="1:9" x14ac:dyDescent="0.4">
      <c r="A15" s="111"/>
      <c r="B15" s="112" t="s">
        <v>16</v>
      </c>
      <c r="C15" s="111"/>
      <c r="D15" s="111"/>
      <c r="E15" s="111"/>
      <c r="F15" s="112" t="s">
        <v>17</v>
      </c>
      <c r="G15" s="111"/>
    </row>
    <row r="16" spans="1:9" ht="9.9499999999999993" customHeight="1" x14ac:dyDescent="0.4">
      <c r="A16" s="111"/>
      <c r="B16" s="110"/>
      <c r="C16" s="111"/>
      <c r="D16" s="111"/>
      <c r="E16" s="111"/>
      <c r="F16" s="111"/>
      <c r="G16" s="111"/>
    </row>
    <row r="17" spans="1:7" x14ac:dyDescent="0.4">
      <c r="A17" s="111"/>
      <c r="B17" s="112" t="s">
        <v>8</v>
      </c>
      <c r="C17" s="111"/>
      <c r="D17" s="111"/>
      <c r="E17" s="111"/>
      <c r="F17" s="112" t="s">
        <v>18</v>
      </c>
      <c r="G17" s="111"/>
    </row>
    <row r="18" spans="1:7" ht="9.9499999999999993" customHeight="1" x14ac:dyDescent="0.4">
      <c r="A18" s="111"/>
      <c r="B18" s="110"/>
      <c r="C18" s="111"/>
      <c r="D18" s="111"/>
      <c r="E18" s="111"/>
      <c r="F18" s="111"/>
      <c r="G18" s="111"/>
    </row>
    <row r="19" spans="1:7" s="11" customFormat="1" ht="19.5" x14ac:dyDescent="0.4">
      <c r="A19" s="113"/>
      <c r="B19" s="112" t="s">
        <v>9</v>
      </c>
      <c r="C19" s="113"/>
      <c r="D19" s="113"/>
      <c r="E19" s="113"/>
      <c r="F19" s="112" t="s">
        <v>19</v>
      </c>
      <c r="G19" s="113"/>
    </row>
    <row r="20" spans="1:7" s="11" customFormat="1" ht="9.9499999999999993" customHeight="1" x14ac:dyDescent="0.4">
      <c r="A20" s="113"/>
      <c r="B20" s="112"/>
      <c r="C20" s="113"/>
      <c r="D20" s="113"/>
      <c r="E20" s="113"/>
      <c r="F20" s="113"/>
      <c r="G20" s="113"/>
    </row>
    <row r="21" spans="1:7" s="11" customFormat="1" ht="19.5" x14ac:dyDescent="0.4">
      <c r="A21" s="113"/>
      <c r="B21" s="112" t="s">
        <v>10</v>
      </c>
      <c r="C21" s="113"/>
      <c r="D21" s="113"/>
      <c r="E21" s="113"/>
      <c r="F21" s="112" t="s">
        <v>21</v>
      </c>
      <c r="G21" s="113"/>
    </row>
    <row r="22" spans="1:7" s="11" customFormat="1" ht="9.9499999999999993" customHeight="1" x14ac:dyDescent="0.4">
      <c r="A22" s="113"/>
      <c r="B22" s="112"/>
      <c r="C22" s="113"/>
      <c r="D22" s="113"/>
      <c r="E22" s="113"/>
      <c r="F22" s="113"/>
      <c r="G22" s="113"/>
    </row>
    <row r="23" spans="1:7" s="11" customFormat="1" ht="19.5" x14ac:dyDescent="0.4">
      <c r="A23" s="113"/>
      <c r="B23" s="112" t="s">
        <v>11</v>
      </c>
      <c r="C23" s="113"/>
      <c r="D23" s="113"/>
      <c r="E23" s="113"/>
      <c r="F23" s="112" t="s">
        <v>22</v>
      </c>
      <c r="G23" s="113"/>
    </row>
    <row r="24" spans="1:7" s="11" customFormat="1" ht="9.9499999999999993" customHeight="1" x14ac:dyDescent="0.4">
      <c r="A24" s="113"/>
      <c r="B24" s="112"/>
      <c r="C24" s="113"/>
      <c r="D24" s="113"/>
      <c r="E24" s="113"/>
      <c r="F24" s="113"/>
      <c r="G24" s="113"/>
    </row>
    <row r="25" spans="1:7" s="11" customFormat="1" ht="19.5" x14ac:dyDescent="0.4">
      <c r="A25" s="113"/>
      <c r="B25" s="112" t="s">
        <v>12</v>
      </c>
      <c r="C25" s="113"/>
      <c r="D25" s="113"/>
      <c r="E25" s="113"/>
      <c r="F25" s="112" t="s">
        <v>23</v>
      </c>
      <c r="G25" s="113"/>
    </row>
    <row r="26" spans="1:7" s="11" customFormat="1" ht="9.9499999999999993" customHeight="1" x14ac:dyDescent="0.4">
      <c r="A26" s="113"/>
      <c r="B26" s="112"/>
      <c r="C26" s="113"/>
      <c r="D26" s="113"/>
      <c r="E26" s="113"/>
      <c r="F26" s="113"/>
      <c r="G26" s="113"/>
    </row>
    <row r="27" spans="1:7" s="11" customFormat="1" ht="19.5" x14ac:dyDescent="0.4">
      <c r="A27" s="113"/>
      <c r="B27" s="112" t="s">
        <v>13</v>
      </c>
      <c r="C27" s="113"/>
      <c r="D27" s="113"/>
      <c r="E27" s="113"/>
      <c r="F27" s="112" t="s">
        <v>24</v>
      </c>
      <c r="G27" s="113"/>
    </row>
    <row r="28" spans="1:7" s="11" customFormat="1" ht="9.9499999999999993" customHeight="1" x14ac:dyDescent="0.4">
      <c r="A28" s="113"/>
      <c r="B28" s="112"/>
      <c r="C28" s="113"/>
      <c r="D28" s="113"/>
      <c r="E28" s="113"/>
      <c r="F28" s="113"/>
      <c r="G28" s="113"/>
    </row>
    <row r="29" spans="1:7" s="11" customFormat="1" ht="19.5" x14ac:dyDescent="0.4">
      <c r="A29" s="113"/>
      <c r="B29" s="112" t="s">
        <v>14</v>
      </c>
      <c r="C29" s="113"/>
      <c r="D29" s="113"/>
      <c r="E29" s="113"/>
      <c r="F29" s="112" t="s">
        <v>25</v>
      </c>
      <c r="G29" s="113"/>
    </row>
    <row r="30" spans="1:7" s="11" customFormat="1" ht="9.9499999999999993" customHeight="1" x14ac:dyDescent="0.4">
      <c r="A30" s="113"/>
      <c r="B30" s="112"/>
      <c r="C30" s="113"/>
      <c r="D30" s="113"/>
      <c r="E30" s="113"/>
      <c r="F30" s="113"/>
      <c r="G30" s="113"/>
    </row>
    <row r="31" spans="1:7" s="11" customFormat="1" ht="19.5" x14ac:dyDescent="0.4">
      <c r="A31" s="113"/>
      <c r="B31" s="112" t="s">
        <v>15</v>
      </c>
      <c r="C31" s="113"/>
      <c r="D31" s="113"/>
      <c r="E31" s="113"/>
      <c r="F31" s="112" t="s">
        <v>26</v>
      </c>
      <c r="G31" s="113"/>
    </row>
    <row r="32" spans="1:7" x14ac:dyDescent="0.4">
      <c r="A32" s="111"/>
      <c r="B32" s="111"/>
      <c r="C32" s="111"/>
      <c r="D32" s="111"/>
      <c r="E32" s="111"/>
      <c r="F32" s="111"/>
      <c r="G32" s="111"/>
    </row>
    <row r="34" spans="5:6" x14ac:dyDescent="0.4">
      <c r="E34" s="40" t="s">
        <v>28</v>
      </c>
      <c r="F34" s="40"/>
    </row>
    <row r="35" spans="5:6" ht="6.6" customHeight="1" x14ac:dyDescent="0.4">
      <c r="E35" s="5"/>
      <c r="F35" s="5"/>
    </row>
    <row r="36" spans="5:6" x14ac:dyDescent="0.4">
      <c r="E36" s="40" t="s">
        <v>30</v>
      </c>
      <c r="F36" s="40"/>
    </row>
    <row r="37" spans="5:6" ht="6.95" customHeight="1" x14ac:dyDescent="0.4">
      <c r="E37" s="5"/>
      <c r="F37" s="5"/>
    </row>
    <row r="38" spans="5:6" x14ac:dyDescent="0.4">
      <c r="E38" s="114" t="s">
        <v>29</v>
      </c>
      <c r="F38" s="114"/>
    </row>
  </sheetData>
  <mergeCells count="12">
    <mergeCell ref="E36:F36"/>
    <mergeCell ref="E38:F38"/>
    <mergeCell ref="D10:I10"/>
    <mergeCell ref="A10:B10"/>
    <mergeCell ref="A11:B11"/>
    <mergeCell ref="F1:I1"/>
    <mergeCell ref="E34:F34"/>
    <mergeCell ref="A3:I3"/>
    <mergeCell ref="A5:E5"/>
    <mergeCell ref="A7:F7"/>
    <mergeCell ref="A9:I9"/>
    <mergeCell ref="D8:I8"/>
  </mergeCells>
  <phoneticPr fontId="6"/>
  <pageMargins left="0.7" right="0.7" top="0.75" bottom="0.75" header="0.3" footer="0.3"/>
  <pageSetup paperSize="9" scale="98" orientation="portrait" r:id="rId1"/>
  <headerFooter>
    <oddHeader>&amp;L&amp;"ＭＳ 明朝,標準"&amp;10(様式2-3）保護者→主治医→保護者→実施施設長→区保健福祉部→子ども未来局子育て支援部</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2397AF3-90B8-4D54-95EC-748F7213600A}">
  <dimension ref="A1:S924"/>
  <sheetViews>
    <sheetView view="pageLayout" topLeftCell="A133" zoomScaleNormal="100" zoomScaleSheetLayoutView="100" workbookViewId="0">
      <selection activeCell="K125" sqref="K125"/>
    </sheetView>
  </sheetViews>
  <sheetFormatPr defaultColWidth="8.625" defaultRowHeight="18.75" x14ac:dyDescent="0.4"/>
  <cols>
    <col min="1" max="2" width="6" customWidth="1"/>
    <col min="3" max="3" width="0.875" customWidth="1"/>
    <col min="4" max="16" width="4.625" customWidth="1"/>
    <col min="17" max="17" width="0.875" customWidth="1"/>
  </cols>
  <sheetData>
    <row r="1" spans="1:17" x14ac:dyDescent="0.4">
      <c r="A1" s="5" t="s">
        <v>17</v>
      </c>
    </row>
    <row r="3" spans="1:17" x14ac:dyDescent="0.4">
      <c r="A3" s="29" t="s">
        <v>31</v>
      </c>
      <c r="B3" s="5"/>
      <c r="C3" s="5"/>
      <c r="D3" s="5"/>
      <c r="E3" s="5"/>
      <c r="F3" s="5"/>
      <c r="G3" s="5"/>
      <c r="H3" s="5"/>
      <c r="I3" s="5"/>
    </row>
    <row r="4" spans="1:17" x14ac:dyDescent="0.4">
      <c r="A4" s="54" t="s">
        <v>32</v>
      </c>
      <c r="B4" s="56"/>
      <c r="C4" s="54"/>
      <c r="D4" s="55"/>
      <c r="E4" s="55"/>
      <c r="F4" s="55"/>
      <c r="G4" s="55"/>
      <c r="H4" s="55"/>
      <c r="I4" s="55"/>
      <c r="J4" s="55"/>
      <c r="K4" s="55"/>
      <c r="L4" s="55"/>
      <c r="M4" s="55"/>
      <c r="N4" s="55"/>
      <c r="O4" s="55"/>
      <c r="P4" s="55"/>
      <c r="Q4" s="56"/>
    </row>
    <row r="5" spans="1:17" x14ac:dyDescent="0.4">
      <c r="A5" s="57"/>
      <c r="B5" s="59"/>
      <c r="C5" s="57"/>
      <c r="D5" s="58"/>
      <c r="E5" s="58"/>
      <c r="F5" s="58"/>
      <c r="G5" s="58"/>
      <c r="H5" s="58"/>
      <c r="I5" s="58"/>
      <c r="J5" s="58"/>
      <c r="K5" s="58"/>
      <c r="L5" s="58"/>
      <c r="M5" s="58"/>
      <c r="N5" s="58"/>
      <c r="O5" s="58"/>
      <c r="P5" s="58"/>
      <c r="Q5" s="59"/>
    </row>
    <row r="6" spans="1:17" ht="22.7" customHeight="1" x14ac:dyDescent="0.4">
      <c r="A6" s="54" t="s">
        <v>33</v>
      </c>
      <c r="B6" s="56"/>
      <c r="C6" s="51" t="s">
        <v>45</v>
      </c>
      <c r="D6" s="52"/>
      <c r="E6" s="52"/>
      <c r="F6" s="52"/>
      <c r="G6" s="52"/>
      <c r="H6" s="52"/>
      <c r="I6" s="52"/>
      <c r="J6" s="52"/>
      <c r="K6" s="52"/>
      <c r="L6" s="52"/>
      <c r="M6" s="52"/>
      <c r="N6" s="52"/>
      <c r="O6" s="52"/>
      <c r="P6" s="52"/>
      <c r="Q6" s="53"/>
    </row>
    <row r="7" spans="1:17" ht="22.7" customHeight="1" x14ac:dyDescent="0.4">
      <c r="A7" s="57"/>
      <c r="B7" s="59"/>
      <c r="C7" s="60" t="s">
        <v>34</v>
      </c>
      <c r="D7" s="61"/>
      <c r="E7" s="61"/>
      <c r="F7" s="61"/>
      <c r="G7" s="61"/>
      <c r="H7" s="62"/>
      <c r="I7" s="63" t="s">
        <v>35</v>
      </c>
      <c r="J7" s="64"/>
      <c r="K7" s="64"/>
      <c r="L7" s="64"/>
      <c r="M7" s="64"/>
      <c r="N7" s="64"/>
      <c r="O7" s="64"/>
      <c r="P7" s="64"/>
      <c r="Q7" s="65"/>
    </row>
    <row r="8" spans="1:17" ht="28.35" customHeight="1" x14ac:dyDescent="0.4">
      <c r="A8" s="54" t="s">
        <v>41</v>
      </c>
      <c r="B8" s="56"/>
      <c r="C8" s="48" t="s">
        <v>36</v>
      </c>
      <c r="D8" s="50"/>
      <c r="E8" s="49"/>
      <c r="F8" s="48" t="s">
        <v>38</v>
      </c>
      <c r="G8" s="50"/>
      <c r="H8" s="50"/>
      <c r="I8" s="50"/>
      <c r="J8" s="50"/>
      <c r="K8" s="49"/>
      <c r="L8" s="68" t="s">
        <v>39</v>
      </c>
      <c r="M8" s="69"/>
      <c r="N8" s="69"/>
      <c r="O8" s="69"/>
      <c r="P8" s="69"/>
      <c r="Q8" s="70"/>
    </row>
    <row r="9" spans="1:17" ht="28.35" customHeight="1" x14ac:dyDescent="0.4">
      <c r="A9" s="66"/>
      <c r="B9" s="67"/>
      <c r="C9" s="9"/>
      <c r="D9" s="33"/>
      <c r="E9" s="35"/>
      <c r="F9" s="32"/>
      <c r="G9" s="33"/>
      <c r="H9" s="33"/>
      <c r="I9" s="33"/>
      <c r="J9" s="7"/>
      <c r="K9" s="8"/>
      <c r="L9" s="48" t="s">
        <v>40</v>
      </c>
      <c r="M9" s="50"/>
      <c r="N9" s="50"/>
      <c r="O9" s="50"/>
      <c r="P9" s="50"/>
      <c r="Q9" s="49"/>
    </row>
    <row r="10" spans="1:17" ht="28.35" customHeight="1" x14ac:dyDescent="0.4">
      <c r="A10" s="66"/>
      <c r="B10" s="67"/>
      <c r="C10" s="9"/>
      <c r="D10" s="33"/>
      <c r="E10" s="35"/>
      <c r="F10" s="32"/>
      <c r="G10" s="33"/>
      <c r="H10" s="33"/>
      <c r="I10" s="33"/>
      <c r="J10" s="7"/>
      <c r="K10" s="8"/>
      <c r="L10" s="48" t="s">
        <v>40</v>
      </c>
      <c r="M10" s="50"/>
      <c r="N10" s="50"/>
      <c r="O10" s="50"/>
      <c r="P10" s="50"/>
      <c r="Q10" s="49"/>
    </row>
    <row r="11" spans="1:17" ht="28.35" customHeight="1" x14ac:dyDescent="0.4">
      <c r="A11" s="66"/>
      <c r="B11" s="67"/>
      <c r="C11" s="9"/>
      <c r="D11" s="33"/>
      <c r="E11" s="35"/>
      <c r="F11" s="32"/>
      <c r="G11" s="33"/>
      <c r="H11" s="33"/>
      <c r="I11" s="33"/>
      <c r="J11" s="7"/>
      <c r="K11" s="8"/>
      <c r="L11" s="48" t="s">
        <v>40</v>
      </c>
      <c r="M11" s="50"/>
      <c r="N11" s="50"/>
      <c r="O11" s="50"/>
      <c r="P11" s="50"/>
      <c r="Q11" s="49"/>
    </row>
    <row r="12" spans="1:17" ht="28.35" customHeight="1" x14ac:dyDescent="0.4">
      <c r="A12" s="66"/>
      <c r="B12" s="67"/>
      <c r="C12" s="9"/>
      <c r="D12" s="33"/>
      <c r="E12" s="35"/>
      <c r="F12" s="32"/>
      <c r="G12" s="33"/>
      <c r="H12" s="33"/>
      <c r="I12" s="33"/>
      <c r="J12" s="7"/>
      <c r="K12" s="8"/>
      <c r="L12" s="48" t="s">
        <v>40</v>
      </c>
      <c r="M12" s="50"/>
      <c r="N12" s="50"/>
      <c r="O12" s="50"/>
      <c r="P12" s="50"/>
      <c r="Q12" s="49"/>
    </row>
    <row r="13" spans="1:17" ht="28.35" customHeight="1" x14ac:dyDescent="0.4">
      <c r="A13" s="57"/>
      <c r="B13" s="59"/>
      <c r="C13" s="9"/>
      <c r="D13" s="33"/>
      <c r="E13" s="35"/>
      <c r="F13" s="32"/>
      <c r="G13" s="33"/>
      <c r="H13" s="33"/>
      <c r="I13" s="33"/>
      <c r="J13" s="7"/>
      <c r="K13" s="8"/>
      <c r="L13" s="48" t="s">
        <v>40</v>
      </c>
      <c r="M13" s="50"/>
      <c r="N13" s="50"/>
      <c r="O13" s="50"/>
      <c r="P13" s="50"/>
      <c r="Q13" s="49"/>
    </row>
    <row r="14" spans="1:17" ht="27.95" customHeight="1" x14ac:dyDescent="0.4">
      <c r="A14" s="48" t="s">
        <v>42</v>
      </c>
      <c r="B14" s="49"/>
      <c r="C14" s="48"/>
      <c r="D14" s="50"/>
      <c r="E14" s="49"/>
      <c r="F14" s="51" t="s">
        <v>43</v>
      </c>
      <c r="G14" s="52"/>
      <c r="H14" s="52"/>
      <c r="I14" s="52"/>
      <c r="J14" s="52"/>
      <c r="K14" s="53"/>
      <c r="L14" s="48" t="s">
        <v>40</v>
      </c>
      <c r="M14" s="50"/>
      <c r="N14" s="50"/>
      <c r="O14" s="50"/>
      <c r="P14" s="50"/>
      <c r="Q14" s="49"/>
    </row>
    <row r="15" spans="1:17" ht="17.45" customHeight="1" x14ac:dyDescent="0.4">
      <c r="A15" s="54" t="s">
        <v>52</v>
      </c>
      <c r="B15" s="56"/>
      <c r="C15" s="23"/>
      <c r="D15" s="23" t="s">
        <v>44</v>
      </c>
      <c r="E15" s="23"/>
      <c r="F15" s="23"/>
      <c r="G15" s="23"/>
      <c r="H15" s="23"/>
      <c r="I15" s="23"/>
      <c r="J15" s="13"/>
      <c r="K15" s="13"/>
      <c r="L15" s="13"/>
      <c r="M15" s="13"/>
      <c r="N15" s="13"/>
      <c r="O15" s="13"/>
      <c r="P15" s="13"/>
      <c r="Q15" s="14"/>
    </row>
    <row r="16" spans="1:17" ht="22.7" customHeight="1" x14ac:dyDescent="0.4">
      <c r="A16" s="66"/>
      <c r="B16" s="67"/>
      <c r="C16" s="26"/>
      <c r="D16" s="48" t="s">
        <v>46</v>
      </c>
      <c r="E16" s="50"/>
      <c r="F16" s="50"/>
      <c r="G16" s="50"/>
      <c r="H16" s="50"/>
      <c r="I16" s="50"/>
      <c r="J16" s="49"/>
      <c r="K16" s="48" t="s">
        <v>47</v>
      </c>
      <c r="L16" s="50"/>
      <c r="M16" s="50"/>
      <c r="N16" s="50"/>
      <c r="O16" s="50"/>
      <c r="P16" s="49"/>
      <c r="Q16" s="17"/>
    </row>
    <row r="17" spans="1:17" ht="22.7" customHeight="1" x14ac:dyDescent="0.4">
      <c r="A17" s="66"/>
      <c r="B17" s="67"/>
      <c r="C17" s="26"/>
      <c r="D17" s="63" t="s">
        <v>49</v>
      </c>
      <c r="E17" s="64"/>
      <c r="F17" s="64"/>
      <c r="G17" s="64"/>
      <c r="H17" s="64"/>
      <c r="I17" s="64"/>
      <c r="J17" s="65"/>
      <c r="K17" s="6"/>
      <c r="L17" s="7"/>
      <c r="M17" s="7"/>
      <c r="N17" s="7"/>
      <c r="O17" s="7"/>
      <c r="P17" s="8"/>
      <c r="Q17" s="17"/>
    </row>
    <row r="18" spans="1:17" ht="22.7" customHeight="1" x14ac:dyDescent="0.4">
      <c r="A18" s="66"/>
      <c r="B18" s="67"/>
      <c r="C18" s="26"/>
      <c r="D18" s="51" t="s">
        <v>50</v>
      </c>
      <c r="E18" s="52"/>
      <c r="F18" s="52"/>
      <c r="G18" s="52"/>
      <c r="H18" s="52"/>
      <c r="I18" s="52"/>
      <c r="J18" s="53"/>
      <c r="K18" s="6"/>
      <c r="L18" s="7"/>
      <c r="M18" s="7"/>
      <c r="N18" s="7"/>
      <c r="O18" s="7"/>
      <c r="P18" s="8"/>
      <c r="Q18" s="17"/>
    </row>
    <row r="19" spans="1:17" ht="22.7" customHeight="1" x14ac:dyDescent="0.4">
      <c r="A19" s="66"/>
      <c r="B19" s="67"/>
      <c r="C19" s="26"/>
      <c r="D19" s="77" t="s">
        <v>48</v>
      </c>
      <c r="E19" s="78"/>
      <c r="F19" s="78"/>
      <c r="G19" s="78"/>
      <c r="H19" s="78"/>
      <c r="I19" s="78"/>
      <c r="J19" s="79"/>
      <c r="K19" s="7"/>
      <c r="L19" s="7"/>
      <c r="M19" s="7"/>
      <c r="N19" s="7"/>
      <c r="O19" s="7"/>
      <c r="P19" s="8"/>
      <c r="Q19" s="17"/>
    </row>
    <row r="20" spans="1:17" ht="7.5" customHeight="1" x14ac:dyDescent="0.4">
      <c r="A20" s="66"/>
      <c r="B20" s="67"/>
      <c r="C20" s="26"/>
      <c r="D20" s="34"/>
      <c r="E20" s="34"/>
      <c r="F20" s="34"/>
      <c r="G20" s="34"/>
      <c r="H20" s="34"/>
      <c r="I20" s="34"/>
      <c r="J20" s="34"/>
      <c r="K20" s="16"/>
      <c r="L20" s="16"/>
      <c r="M20" s="16"/>
      <c r="N20" s="16"/>
      <c r="O20" s="16"/>
      <c r="P20" s="16"/>
      <c r="Q20" s="17"/>
    </row>
    <row r="21" spans="1:17" ht="17.45" customHeight="1" x14ac:dyDescent="0.4">
      <c r="A21" s="66"/>
      <c r="B21" s="67"/>
      <c r="C21" s="26"/>
      <c r="D21" s="26" t="s">
        <v>51</v>
      </c>
      <c r="E21" s="26"/>
      <c r="F21" s="26"/>
      <c r="G21" s="26"/>
      <c r="H21" s="26"/>
      <c r="I21" s="26"/>
      <c r="J21" s="16"/>
      <c r="K21" s="16"/>
      <c r="L21" s="16"/>
      <c r="M21" s="16"/>
      <c r="N21" s="16"/>
      <c r="O21" s="16"/>
      <c r="P21" s="16"/>
      <c r="Q21" s="17"/>
    </row>
    <row r="22" spans="1:17" ht="22.7" customHeight="1" x14ac:dyDescent="0.4">
      <c r="A22" s="66"/>
      <c r="B22" s="67"/>
      <c r="C22" s="26"/>
      <c r="D22" s="48" t="s">
        <v>46</v>
      </c>
      <c r="E22" s="50"/>
      <c r="F22" s="50"/>
      <c r="G22" s="50"/>
      <c r="H22" s="50"/>
      <c r="I22" s="50"/>
      <c r="J22" s="49"/>
      <c r="K22" s="48" t="s">
        <v>47</v>
      </c>
      <c r="L22" s="50"/>
      <c r="M22" s="50"/>
      <c r="N22" s="50"/>
      <c r="O22" s="50"/>
      <c r="P22" s="49"/>
      <c r="Q22" s="17"/>
    </row>
    <row r="23" spans="1:17" ht="22.7" customHeight="1" x14ac:dyDescent="0.4">
      <c r="A23" s="66"/>
      <c r="B23" s="67"/>
      <c r="C23" s="26"/>
      <c r="D23" s="63" t="s">
        <v>49</v>
      </c>
      <c r="E23" s="64"/>
      <c r="F23" s="64"/>
      <c r="G23" s="64"/>
      <c r="H23" s="64"/>
      <c r="I23" s="64"/>
      <c r="J23" s="65"/>
      <c r="K23" s="6"/>
      <c r="L23" s="7"/>
      <c r="M23" s="7"/>
      <c r="N23" s="7"/>
      <c r="O23" s="7"/>
      <c r="P23" s="8"/>
      <c r="Q23" s="17"/>
    </row>
    <row r="24" spans="1:17" ht="22.7" customHeight="1" x14ac:dyDescent="0.4">
      <c r="A24" s="66"/>
      <c r="B24" s="67"/>
      <c r="C24" s="26"/>
      <c r="D24" s="51" t="s">
        <v>50</v>
      </c>
      <c r="E24" s="52"/>
      <c r="F24" s="52"/>
      <c r="G24" s="52"/>
      <c r="H24" s="52"/>
      <c r="I24" s="52"/>
      <c r="J24" s="53"/>
      <c r="K24" s="6"/>
      <c r="L24" s="7"/>
      <c r="M24" s="7"/>
      <c r="N24" s="7"/>
      <c r="O24" s="7"/>
      <c r="P24" s="8"/>
      <c r="Q24" s="17"/>
    </row>
    <row r="25" spans="1:17" ht="22.7" customHeight="1" x14ac:dyDescent="0.4">
      <c r="A25" s="66"/>
      <c r="B25" s="67"/>
      <c r="C25" s="26"/>
      <c r="D25" s="77" t="s">
        <v>48</v>
      </c>
      <c r="E25" s="78"/>
      <c r="F25" s="78"/>
      <c r="G25" s="78"/>
      <c r="H25" s="78"/>
      <c r="I25" s="78"/>
      <c r="J25" s="79"/>
      <c r="K25" s="7"/>
      <c r="L25" s="7"/>
      <c r="M25" s="7"/>
      <c r="N25" s="7"/>
      <c r="O25" s="7"/>
      <c r="P25" s="8"/>
      <c r="Q25" s="17"/>
    </row>
    <row r="26" spans="1:17" ht="5.45" customHeight="1" x14ac:dyDescent="0.4">
      <c r="A26" s="57"/>
      <c r="B26" s="59"/>
      <c r="C26" s="30"/>
      <c r="D26" s="30"/>
      <c r="E26" s="30"/>
      <c r="F26" s="30"/>
      <c r="G26" s="30"/>
      <c r="H26" s="30"/>
      <c r="I26" s="30"/>
      <c r="J26" s="19"/>
      <c r="K26" s="19"/>
      <c r="L26" s="19"/>
      <c r="M26" s="19"/>
      <c r="N26" s="19"/>
      <c r="O26" s="19"/>
      <c r="P26" s="19"/>
      <c r="Q26" s="20"/>
    </row>
    <row r="27" spans="1:17" ht="28.35" customHeight="1" x14ac:dyDescent="0.4">
      <c r="A27" s="54" t="s">
        <v>53</v>
      </c>
      <c r="B27" s="56"/>
      <c r="C27" s="21"/>
      <c r="D27" s="23"/>
      <c r="E27" s="23"/>
      <c r="F27" s="23"/>
      <c r="G27" s="23"/>
      <c r="H27" s="23"/>
      <c r="I27" s="23"/>
      <c r="J27" s="13"/>
      <c r="K27" s="13"/>
      <c r="L27" s="13"/>
      <c r="M27" s="13"/>
      <c r="N27" s="13"/>
      <c r="O27" s="13"/>
      <c r="P27" s="13"/>
      <c r="Q27" s="14"/>
    </row>
    <row r="28" spans="1:17" ht="28.35" customHeight="1" x14ac:dyDescent="0.4">
      <c r="A28" s="57"/>
      <c r="B28" s="59"/>
      <c r="C28" s="27"/>
      <c r="D28" s="30"/>
      <c r="E28" s="30"/>
      <c r="F28" s="30"/>
      <c r="G28" s="30"/>
      <c r="H28" s="30"/>
      <c r="I28" s="30"/>
      <c r="J28" s="19"/>
      <c r="K28" s="19"/>
      <c r="L28" s="19"/>
      <c r="M28" s="19"/>
      <c r="N28" s="19"/>
      <c r="O28" s="19"/>
      <c r="P28" s="19"/>
      <c r="Q28" s="20"/>
    </row>
    <row r="29" spans="1:17" ht="28.35" customHeight="1" x14ac:dyDescent="0.4">
      <c r="A29" s="54" t="s">
        <v>54</v>
      </c>
      <c r="B29" s="56"/>
      <c r="C29" s="80" t="s">
        <v>55</v>
      </c>
      <c r="D29" s="81"/>
      <c r="E29" s="81"/>
      <c r="F29" s="81"/>
      <c r="G29" s="81"/>
      <c r="H29" s="81"/>
      <c r="I29" s="81"/>
      <c r="J29" s="81"/>
      <c r="K29" s="81"/>
      <c r="L29" s="81"/>
      <c r="M29" s="81"/>
      <c r="N29" s="81"/>
      <c r="O29" s="81"/>
      <c r="P29" s="81"/>
      <c r="Q29" s="82"/>
    </row>
    <row r="30" spans="1:17" ht="28.35" customHeight="1" x14ac:dyDescent="0.4">
      <c r="A30" s="57"/>
      <c r="B30" s="59"/>
      <c r="C30" s="30"/>
      <c r="D30" s="30"/>
      <c r="E30" s="30"/>
      <c r="F30" s="30"/>
      <c r="G30" s="30"/>
      <c r="H30" s="30"/>
      <c r="I30" s="30"/>
      <c r="J30" s="19"/>
      <c r="K30" s="19"/>
      <c r="L30" s="19"/>
      <c r="M30" s="19"/>
      <c r="N30" s="19"/>
      <c r="O30" s="19"/>
      <c r="P30" s="19"/>
      <c r="Q30" s="20"/>
    </row>
    <row r="31" spans="1:17" x14ac:dyDescent="0.4">
      <c r="A31" s="5" t="s">
        <v>18</v>
      </c>
    </row>
    <row r="33" spans="1:18" x14ac:dyDescent="0.4">
      <c r="A33" s="29" t="s">
        <v>56</v>
      </c>
      <c r="B33" s="5"/>
      <c r="C33" s="5"/>
      <c r="D33" s="5"/>
      <c r="E33" s="5"/>
      <c r="F33" s="5"/>
      <c r="G33" s="5"/>
      <c r="H33" s="5"/>
      <c r="I33" s="5"/>
    </row>
    <row r="34" spans="1:18" ht="18" customHeight="1" x14ac:dyDescent="0.4">
      <c r="A34" s="71" t="s">
        <v>32</v>
      </c>
      <c r="B34" s="72"/>
      <c r="C34" s="13"/>
      <c r="D34" s="13"/>
      <c r="E34" s="13"/>
      <c r="F34" s="13"/>
      <c r="G34" s="13"/>
      <c r="H34" s="13"/>
      <c r="I34" s="13"/>
      <c r="J34" s="13"/>
      <c r="K34" s="13"/>
      <c r="L34" s="13"/>
      <c r="M34" s="13"/>
      <c r="N34" s="13"/>
      <c r="O34" s="13"/>
      <c r="P34" s="13"/>
      <c r="Q34" s="14"/>
    </row>
    <row r="35" spans="1:18" ht="28.35" customHeight="1" x14ac:dyDescent="0.4">
      <c r="A35" s="73"/>
      <c r="B35" s="74"/>
      <c r="C35" s="26"/>
      <c r="D35" s="26"/>
      <c r="E35" s="26"/>
      <c r="F35" s="26"/>
      <c r="G35" s="26"/>
      <c r="H35" s="26"/>
      <c r="I35" s="26"/>
      <c r="J35" s="16"/>
      <c r="K35" s="16"/>
      <c r="L35" s="16"/>
      <c r="M35" s="16"/>
      <c r="N35" s="16"/>
      <c r="O35" s="16"/>
      <c r="P35" s="16"/>
      <c r="Q35" s="17"/>
      <c r="R35" s="16"/>
    </row>
    <row r="36" spans="1:18" ht="28.35" customHeight="1" x14ac:dyDescent="0.4">
      <c r="A36" s="73"/>
      <c r="B36" s="74"/>
      <c r="C36" s="26"/>
      <c r="D36" s="26"/>
      <c r="E36" s="26"/>
      <c r="F36" s="26"/>
      <c r="G36" s="26"/>
      <c r="H36" s="26"/>
      <c r="I36" s="26"/>
      <c r="J36" s="16"/>
      <c r="K36" s="16"/>
      <c r="L36" s="16"/>
      <c r="M36" s="16"/>
      <c r="N36" s="16"/>
      <c r="O36" s="16"/>
      <c r="P36" s="16"/>
      <c r="Q36" s="17"/>
      <c r="R36" s="16"/>
    </row>
    <row r="37" spans="1:18" ht="27.95" customHeight="1" x14ac:dyDescent="0.4">
      <c r="A37" s="75"/>
      <c r="B37" s="76"/>
      <c r="C37" s="48" t="s">
        <v>57</v>
      </c>
      <c r="D37" s="50"/>
      <c r="E37" s="50"/>
      <c r="F37" s="50"/>
      <c r="G37" s="50"/>
      <c r="H37" s="50"/>
      <c r="I37" s="50"/>
      <c r="J37" s="48" t="s">
        <v>58</v>
      </c>
      <c r="K37" s="50"/>
      <c r="L37" s="50"/>
      <c r="M37" s="50"/>
      <c r="N37" s="50"/>
      <c r="O37" s="50"/>
      <c r="P37" s="50"/>
      <c r="Q37" s="49"/>
      <c r="R37" s="16"/>
    </row>
    <row r="38" spans="1:18" ht="28.35" customHeight="1" x14ac:dyDescent="0.4">
      <c r="A38" s="89" t="s">
        <v>59</v>
      </c>
      <c r="B38" s="56"/>
      <c r="C38" s="48" t="s">
        <v>59</v>
      </c>
      <c r="D38" s="50"/>
      <c r="E38" s="50"/>
      <c r="F38" s="50"/>
      <c r="G38" s="50"/>
      <c r="H38" s="49"/>
      <c r="I38" s="48" t="s">
        <v>60</v>
      </c>
      <c r="J38" s="50"/>
      <c r="K38" s="50"/>
      <c r="L38" s="50"/>
      <c r="M38" s="50"/>
      <c r="N38" s="50"/>
      <c r="O38" s="50"/>
      <c r="P38" s="50"/>
      <c r="Q38" s="49"/>
      <c r="R38" s="16"/>
    </row>
    <row r="39" spans="1:18" ht="28.35" customHeight="1" x14ac:dyDescent="0.4">
      <c r="A39" s="66"/>
      <c r="B39" s="67"/>
      <c r="C39" s="51" t="s">
        <v>62</v>
      </c>
      <c r="D39" s="52"/>
      <c r="E39" s="52"/>
      <c r="F39" s="52"/>
      <c r="G39" s="52"/>
      <c r="H39" s="53"/>
      <c r="I39" s="32"/>
      <c r="J39" s="7"/>
      <c r="K39" s="7"/>
      <c r="L39" s="7"/>
      <c r="M39" s="7"/>
      <c r="N39" s="7"/>
      <c r="O39" s="7"/>
      <c r="P39" s="7"/>
      <c r="Q39" s="8"/>
      <c r="R39" s="16"/>
    </row>
    <row r="40" spans="1:18" ht="28.35" customHeight="1" x14ac:dyDescent="0.4">
      <c r="A40" s="66"/>
      <c r="B40" s="67"/>
      <c r="C40" s="51" t="s">
        <v>61</v>
      </c>
      <c r="D40" s="52"/>
      <c r="E40" s="52"/>
      <c r="F40" s="52"/>
      <c r="G40" s="52"/>
      <c r="H40" s="53"/>
      <c r="I40" s="32"/>
      <c r="J40" s="7"/>
      <c r="K40" s="7"/>
      <c r="L40" s="7"/>
      <c r="M40" s="7"/>
      <c r="N40" s="7"/>
      <c r="O40" s="7"/>
      <c r="P40" s="7"/>
      <c r="Q40" s="8"/>
      <c r="R40" s="16"/>
    </row>
    <row r="41" spans="1:18" ht="28.35" customHeight="1" x14ac:dyDescent="0.4">
      <c r="A41" s="66"/>
      <c r="B41" s="67"/>
      <c r="C41" s="51" t="s">
        <v>63</v>
      </c>
      <c r="D41" s="52"/>
      <c r="E41" s="52"/>
      <c r="F41" s="52"/>
      <c r="G41" s="52"/>
      <c r="H41" s="53"/>
      <c r="I41" s="32"/>
      <c r="J41" s="7"/>
      <c r="K41" s="7"/>
      <c r="L41" s="7"/>
      <c r="M41" s="7"/>
      <c r="N41" s="7"/>
      <c r="O41" s="7"/>
      <c r="P41" s="7"/>
      <c r="Q41" s="8"/>
      <c r="R41" s="16"/>
    </row>
    <row r="42" spans="1:18" ht="28.35" customHeight="1" x14ac:dyDescent="0.4">
      <c r="A42" s="57"/>
      <c r="B42" s="59"/>
      <c r="C42" s="51" t="s">
        <v>64</v>
      </c>
      <c r="D42" s="52"/>
      <c r="E42" s="52"/>
      <c r="F42" s="52"/>
      <c r="G42" s="52"/>
      <c r="H42" s="53"/>
      <c r="I42" s="32"/>
      <c r="J42" s="7"/>
      <c r="K42" s="7"/>
      <c r="L42" s="36"/>
      <c r="M42" s="7"/>
      <c r="N42" s="7"/>
      <c r="O42" s="7"/>
      <c r="P42" s="7"/>
      <c r="Q42" s="8"/>
      <c r="R42" s="16"/>
    </row>
    <row r="43" spans="1:18" ht="28.35" customHeight="1" x14ac:dyDescent="0.4">
      <c r="A43" s="83" t="s">
        <v>65</v>
      </c>
      <c r="B43" s="65"/>
      <c r="C43" s="23"/>
      <c r="D43" s="23"/>
      <c r="E43" s="23"/>
      <c r="F43" s="23"/>
      <c r="G43" s="23"/>
      <c r="H43" s="23"/>
      <c r="I43" s="23"/>
      <c r="J43" s="13"/>
      <c r="K43" s="13"/>
      <c r="L43" s="13"/>
      <c r="M43" s="13"/>
      <c r="N43" s="13"/>
      <c r="O43" s="13"/>
      <c r="P43" s="13"/>
      <c r="Q43" s="14"/>
    </row>
    <row r="44" spans="1:18" ht="28.35" customHeight="1" x14ac:dyDescent="0.4">
      <c r="A44" s="84"/>
      <c r="B44" s="85"/>
      <c r="C44" s="26"/>
      <c r="D44" s="26"/>
      <c r="E44" s="26"/>
      <c r="F44" s="26"/>
      <c r="G44" s="26"/>
      <c r="H44" s="26"/>
      <c r="I44" s="26"/>
      <c r="J44" s="16"/>
      <c r="K44" s="16"/>
      <c r="L44" s="16"/>
      <c r="M44" s="16"/>
      <c r="N44" s="16"/>
      <c r="O44" s="16"/>
      <c r="P44" s="16"/>
      <c r="Q44" s="17"/>
    </row>
    <row r="45" spans="1:18" ht="28.35" customHeight="1" x14ac:dyDescent="0.4">
      <c r="A45" s="84"/>
      <c r="B45" s="85"/>
      <c r="C45" s="26"/>
      <c r="D45" s="26"/>
      <c r="E45" s="26"/>
      <c r="F45" s="26"/>
      <c r="G45" s="26"/>
      <c r="H45" s="26"/>
      <c r="I45" s="26"/>
      <c r="J45" s="16"/>
      <c r="K45" s="16"/>
      <c r="L45" s="16"/>
      <c r="M45" s="16"/>
      <c r="N45" s="16"/>
      <c r="O45" s="16"/>
      <c r="P45" s="16"/>
      <c r="Q45" s="17"/>
    </row>
    <row r="46" spans="1:18" ht="28.35" customHeight="1" x14ac:dyDescent="0.4">
      <c r="A46" s="84"/>
      <c r="B46" s="85"/>
      <c r="C46" s="26"/>
      <c r="D46" s="26"/>
      <c r="E46" s="26"/>
      <c r="F46" s="26"/>
      <c r="G46" s="26"/>
      <c r="H46" s="26"/>
      <c r="I46" s="26"/>
      <c r="J46" s="16"/>
      <c r="K46" s="16"/>
      <c r="L46" s="16"/>
      <c r="M46" s="16"/>
      <c r="N46" s="16"/>
      <c r="O46" s="16"/>
      <c r="P46" s="16"/>
      <c r="Q46" s="17"/>
    </row>
    <row r="47" spans="1:18" ht="28.35" customHeight="1" x14ac:dyDescent="0.4">
      <c r="A47" s="84"/>
      <c r="B47" s="85"/>
      <c r="C47" s="26"/>
      <c r="D47" s="26"/>
      <c r="E47" s="26"/>
      <c r="F47" s="26"/>
      <c r="G47" s="26"/>
      <c r="H47" s="26"/>
      <c r="I47" s="26"/>
      <c r="J47" s="16"/>
      <c r="K47" s="16"/>
      <c r="L47" s="16"/>
      <c r="M47" s="16"/>
      <c r="N47" s="16"/>
      <c r="O47" s="16"/>
      <c r="P47" s="16"/>
      <c r="Q47" s="17"/>
    </row>
    <row r="48" spans="1:18" ht="28.35" customHeight="1" x14ac:dyDescent="0.4">
      <c r="A48" s="60"/>
      <c r="B48" s="62"/>
      <c r="C48" s="19"/>
      <c r="D48" s="19"/>
      <c r="E48" s="19"/>
      <c r="F48" s="19"/>
      <c r="G48" s="19"/>
      <c r="H48" s="19"/>
      <c r="I48" s="19"/>
      <c r="J48" s="19"/>
      <c r="K48" s="19"/>
      <c r="L48" s="19"/>
      <c r="M48" s="19"/>
      <c r="N48" s="19"/>
      <c r="O48" s="19"/>
      <c r="P48" s="19"/>
      <c r="Q48" s="20"/>
    </row>
    <row r="49" spans="1:18" ht="28.35" customHeight="1" x14ac:dyDescent="0.4">
      <c r="A49" s="54" t="s">
        <v>54</v>
      </c>
      <c r="B49" s="56"/>
      <c r="C49" s="16"/>
      <c r="D49" s="16"/>
      <c r="E49" s="16"/>
      <c r="F49" s="16"/>
      <c r="G49" s="16"/>
      <c r="H49" s="16"/>
      <c r="I49" s="16"/>
      <c r="J49" s="16"/>
      <c r="K49" s="16"/>
      <c r="L49" s="16"/>
      <c r="M49" s="16"/>
      <c r="N49" s="16"/>
      <c r="O49" s="16"/>
      <c r="P49" s="16"/>
      <c r="Q49" s="17"/>
    </row>
    <row r="50" spans="1:18" ht="28.35" customHeight="1" x14ac:dyDescent="0.4">
      <c r="A50" s="66"/>
      <c r="B50" s="67"/>
      <c r="C50" s="16"/>
      <c r="D50" s="16"/>
      <c r="E50" s="16"/>
      <c r="F50" s="16"/>
      <c r="G50" s="16"/>
      <c r="H50" s="16"/>
      <c r="I50" s="16"/>
      <c r="J50" s="16"/>
      <c r="K50" s="16"/>
      <c r="L50" s="16"/>
      <c r="M50" s="16"/>
      <c r="N50" s="16"/>
      <c r="O50" s="16"/>
      <c r="P50" s="16"/>
      <c r="Q50" s="17"/>
    </row>
    <row r="51" spans="1:18" ht="28.35" customHeight="1" x14ac:dyDescent="0.4">
      <c r="A51" s="66"/>
      <c r="B51" s="67"/>
      <c r="C51" s="16"/>
      <c r="D51" s="16"/>
      <c r="E51" s="16"/>
      <c r="F51" s="16"/>
      <c r="G51" s="16"/>
      <c r="H51" s="16"/>
      <c r="I51" s="16"/>
      <c r="J51" s="16"/>
      <c r="K51" s="16"/>
      <c r="L51" s="16"/>
      <c r="M51" s="16"/>
      <c r="N51" s="16"/>
      <c r="O51" s="16"/>
      <c r="P51" s="16"/>
      <c r="Q51" s="17"/>
    </row>
    <row r="52" spans="1:18" ht="28.35" customHeight="1" x14ac:dyDescent="0.4">
      <c r="A52" s="66"/>
      <c r="B52" s="67"/>
      <c r="C52" s="16"/>
      <c r="D52" s="16"/>
      <c r="E52" s="16"/>
      <c r="F52" s="16"/>
      <c r="G52" s="16"/>
      <c r="H52" s="16"/>
      <c r="I52" s="16"/>
      <c r="J52" s="16"/>
      <c r="K52" s="16"/>
      <c r="L52" s="16"/>
      <c r="M52" s="16"/>
      <c r="N52" s="16"/>
      <c r="O52" s="16"/>
      <c r="P52" s="16"/>
      <c r="Q52" s="17"/>
    </row>
    <row r="53" spans="1:18" ht="28.35" customHeight="1" x14ac:dyDescent="0.4">
      <c r="A53" s="66"/>
      <c r="B53" s="67"/>
      <c r="C53" s="16"/>
      <c r="D53" s="16"/>
      <c r="E53" s="16"/>
      <c r="F53" s="16"/>
      <c r="G53" s="16"/>
      <c r="H53" s="16"/>
      <c r="I53" s="16"/>
      <c r="J53" s="16"/>
      <c r="K53" s="16"/>
      <c r="L53" s="16"/>
      <c r="M53" s="16"/>
      <c r="N53" s="16"/>
      <c r="O53" s="16"/>
      <c r="P53" s="16"/>
      <c r="Q53" s="17"/>
    </row>
    <row r="54" spans="1:18" ht="28.35" customHeight="1" x14ac:dyDescent="0.4">
      <c r="A54" s="57"/>
      <c r="B54" s="59"/>
      <c r="C54" s="19"/>
      <c r="D54" s="19"/>
      <c r="E54" s="19"/>
      <c r="F54" s="19"/>
      <c r="G54" s="19"/>
      <c r="H54" s="19"/>
      <c r="I54" s="19"/>
      <c r="J54" s="19"/>
      <c r="K54" s="19"/>
      <c r="L54" s="19"/>
      <c r="M54" s="19"/>
      <c r="N54" s="19"/>
      <c r="O54" s="19"/>
      <c r="P54" s="19"/>
      <c r="Q54" s="20"/>
    </row>
    <row r="55" spans="1:18" ht="18" customHeight="1" x14ac:dyDescent="0.4">
      <c r="A55" s="16" t="s">
        <v>66</v>
      </c>
      <c r="B55" s="16"/>
      <c r="C55" s="16"/>
      <c r="D55" s="16"/>
      <c r="E55" s="16"/>
      <c r="F55" s="16"/>
      <c r="G55" s="16"/>
      <c r="H55" s="16"/>
      <c r="I55" s="16"/>
      <c r="J55" s="16"/>
      <c r="K55" s="16"/>
      <c r="L55" s="16"/>
      <c r="M55" s="16"/>
      <c r="N55" s="16"/>
      <c r="O55" s="16"/>
      <c r="P55" s="16"/>
      <c r="Q55" s="16"/>
      <c r="R55" s="16"/>
    </row>
    <row r="57" spans="1:18" x14ac:dyDescent="0.4">
      <c r="A57" s="29" t="s">
        <v>67</v>
      </c>
      <c r="B57" s="5"/>
      <c r="C57" s="5"/>
      <c r="D57" s="5"/>
      <c r="E57" s="5"/>
      <c r="F57" s="5"/>
      <c r="G57" s="5"/>
      <c r="H57" s="5"/>
      <c r="I57" s="5"/>
    </row>
    <row r="58" spans="1:18" ht="28.35" customHeight="1" x14ac:dyDescent="0.4">
      <c r="A58" s="83" t="s">
        <v>118</v>
      </c>
      <c r="B58" s="65"/>
      <c r="C58" s="12"/>
      <c r="D58" s="13"/>
      <c r="E58" s="13"/>
      <c r="F58" s="13"/>
      <c r="G58" s="13"/>
      <c r="H58" s="13"/>
      <c r="I58" s="13"/>
      <c r="J58" s="13"/>
      <c r="K58" s="13"/>
      <c r="L58" s="13"/>
      <c r="M58" s="13"/>
      <c r="N58" s="13"/>
      <c r="O58" s="13"/>
      <c r="P58" s="13"/>
      <c r="Q58" s="14"/>
    </row>
    <row r="59" spans="1:18" ht="28.35" customHeight="1" x14ac:dyDescent="0.4">
      <c r="A59" s="84"/>
      <c r="B59" s="85"/>
      <c r="C59" s="15"/>
      <c r="D59" s="16"/>
      <c r="E59" s="16"/>
      <c r="F59" s="16"/>
      <c r="G59" s="16"/>
      <c r="H59" s="16"/>
      <c r="I59" s="16"/>
      <c r="J59" s="16"/>
      <c r="K59" s="16"/>
      <c r="L59" s="16"/>
      <c r="M59" s="16"/>
      <c r="N59" s="16"/>
      <c r="O59" s="16"/>
      <c r="P59" s="16"/>
      <c r="Q59" s="17"/>
    </row>
    <row r="60" spans="1:18" ht="28.35" customHeight="1" x14ac:dyDescent="0.4">
      <c r="A60" s="84"/>
      <c r="B60" s="85"/>
      <c r="C60" s="15"/>
      <c r="D60" s="16"/>
      <c r="E60" s="16"/>
      <c r="F60" s="16"/>
      <c r="G60" s="16"/>
      <c r="H60" s="16"/>
      <c r="I60" s="16"/>
      <c r="J60" s="16"/>
      <c r="K60" s="16"/>
      <c r="L60" s="16"/>
      <c r="M60" s="16"/>
      <c r="N60" s="16"/>
      <c r="O60" s="16"/>
      <c r="P60" s="16"/>
      <c r="Q60" s="17"/>
    </row>
    <row r="61" spans="1:18" ht="15.6" customHeight="1" x14ac:dyDescent="0.4">
      <c r="A61" s="84"/>
      <c r="B61" s="85"/>
      <c r="C61" s="18"/>
      <c r="D61" s="19"/>
      <c r="E61" s="19"/>
      <c r="F61" s="19"/>
      <c r="G61" s="19"/>
      <c r="H61" s="19"/>
      <c r="I61" s="19"/>
      <c r="J61" s="19"/>
      <c r="K61" s="19"/>
      <c r="L61" s="19"/>
      <c r="M61" s="19"/>
      <c r="N61" s="19"/>
      <c r="O61" s="19"/>
      <c r="P61" s="19"/>
      <c r="Q61" s="20"/>
    </row>
    <row r="62" spans="1:18" ht="27.95" customHeight="1" x14ac:dyDescent="0.4">
      <c r="A62" s="84"/>
      <c r="B62" s="85"/>
      <c r="C62" s="51" t="s">
        <v>68</v>
      </c>
      <c r="D62" s="52"/>
      <c r="E62" s="52"/>
      <c r="F62" s="52"/>
      <c r="G62" s="52"/>
      <c r="H62" s="52"/>
      <c r="I62" s="52"/>
      <c r="J62" s="53"/>
      <c r="K62" s="51" t="s">
        <v>69</v>
      </c>
      <c r="L62" s="86"/>
      <c r="M62" s="86"/>
      <c r="N62" s="86"/>
      <c r="O62" s="86"/>
      <c r="P62" s="86"/>
      <c r="Q62" s="87"/>
    </row>
    <row r="63" spans="1:18" ht="44.1" customHeight="1" x14ac:dyDescent="0.4">
      <c r="A63" s="60"/>
      <c r="B63" s="62"/>
      <c r="C63" s="88" t="s">
        <v>70</v>
      </c>
      <c r="D63" s="52"/>
      <c r="E63" s="52"/>
      <c r="F63" s="52"/>
      <c r="G63" s="52"/>
      <c r="H63" s="52"/>
      <c r="I63" s="52"/>
      <c r="J63" s="52"/>
      <c r="K63" s="52"/>
      <c r="L63" s="52"/>
      <c r="M63" s="52"/>
      <c r="N63" s="52"/>
      <c r="O63" s="52"/>
      <c r="P63" s="52"/>
      <c r="Q63" s="53"/>
    </row>
    <row r="64" spans="1:18" ht="28.35" customHeight="1" x14ac:dyDescent="0.4">
      <c r="A64" s="54" t="s">
        <v>53</v>
      </c>
      <c r="B64" s="56"/>
      <c r="C64" s="12"/>
      <c r="D64" s="13"/>
      <c r="E64" s="13"/>
      <c r="F64" s="13"/>
      <c r="G64" s="13"/>
      <c r="H64" s="13"/>
      <c r="I64" s="13"/>
      <c r="J64" s="13"/>
      <c r="K64" s="13"/>
      <c r="L64" s="13"/>
      <c r="M64" s="13"/>
      <c r="N64" s="13"/>
      <c r="O64" s="13"/>
      <c r="P64" s="13"/>
      <c r="Q64" s="14"/>
    </row>
    <row r="65" spans="1:19" ht="28.35" customHeight="1" x14ac:dyDescent="0.4">
      <c r="A65" s="66"/>
      <c r="B65" s="67"/>
      <c r="C65" s="15"/>
      <c r="D65" s="16"/>
      <c r="E65" s="16"/>
      <c r="F65" s="16"/>
      <c r="G65" s="16"/>
      <c r="H65" s="16"/>
      <c r="I65" s="16"/>
      <c r="J65" s="16"/>
      <c r="K65" s="16"/>
      <c r="L65" s="16"/>
      <c r="M65" s="16"/>
      <c r="N65" s="16"/>
      <c r="O65" s="16"/>
      <c r="P65" s="16"/>
      <c r="Q65" s="17"/>
    </row>
    <row r="66" spans="1:19" ht="28.35" customHeight="1" x14ac:dyDescent="0.4">
      <c r="A66" s="66"/>
      <c r="B66" s="67"/>
      <c r="C66" s="15"/>
      <c r="D66" s="16"/>
      <c r="E66" s="16"/>
      <c r="F66" s="16"/>
      <c r="G66" s="16"/>
      <c r="H66" s="16"/>
      <c r="I66" s="16"/>
      <c r="J66" s="16"/>
      <c r="K66" s="16"/>
      <c r="L66" s="16"/>
      <c r="M66" s="16"/>
      <c r="N66" s="16"/>
      <c r="O66" s="16"/>
      <c r="P66" s="16"/>
      <c r="Q66" s="17"/>
    </row>
    <row r="67" spans="1:19" ht="28.35" customHeight="1" x14ac:dyDescent="0.4">
      <c r="A67" s="66"/>
      <c r="B67" s="67"/>
      <c r="C67" s="15"/>
      <c r="D67" s="16"/>
      <c r="E67" s="16"/>
      <c r="F67" s="16"/>
      <c r="G67" s="16"/>
      <c r="H67" s="16"/>
      <c r="I67" s="16"/>
      <c r="J67" s="16"/>
      <c r="K67" s="16"/>
      <c r="L67" s="16"/>
      <c r="M67" s="16"/>
      <c r="N67" s="16"/>
      <c r="O67" s="16"/>
      <c r="P67" s="16"/>
      <c r="Q67" s="17"/>
    </row>
    <row r="68" spans="1:19" ht="19.5" customHeight="1" x14ac:dyDescent="0.4">
      <c r="A68" s="57"/>
      <c r="B68" s="59"/>
      <c r="C68" s="18"/>
      <c r="D68" s="19"/>
      <c r="E68" s="19"/>
      <c r="F68" s="19"/>
      <c r="G68" s="19"/>
      <c r="H68" s="19"/>
      <c r="I68" s="19"/>
      <c r="J68" s="19"/>
      <c r="K68" s="19"/>
      <c r="L68" s="19"/>
      <c r="M68" s="19"/>
      <c r="N68" s="19"/>
      <c r="O68" s="19"/>
      <c r="P68" s="19"/>
      <c r="Q68" s="20"/>
    </row>
    <row r="69" spans="1:19" ht="28.35" customHeight="1" x14ac:dyDescent="0.4">
      <c r="A69" s="54" t="s">
        <v>54</v>
      </c>
      <c r="B69" s="56"/>
      <c r="C69" s="90" t="s">
        <v>71</v>
      </c>
      <c r="D69" s="81"/>
      <c r="E69" s="81"/>
      <c r="F69" s="81"/>
      <c r="G69" s="81"/>
      <c r="H69" s="81"/>
      <c r="I69" s="81"/>
      <c r="J69" s="81"/>
      <c r="K69" s="81"/>
      <c r="L69" s="81"/>
      <c r="M69" s="81"/>
      <c r="N69" s="81"/>
      <c r="O69" s="81"/>
      <c r="P69" s="81"/>
      <c r="Q69" s="82"/>
    </row>
    <row r="70" spans="1:19" ht="28.35" customHeight="1" x14ac:dyDescent="0.4">
      <c r="A70" s="66"/>
      <c r="B70" s="67"/>
      <c r="C70" s="91"/>
      <c r="D70" s="92"/>
      <c r="E70" s="92"/>
      <c r="F70" s="92"/>
      <c r="G70" s="92"/>
      <c r="H70" s="92"/>
      <c r="I70" s="92"/>
      <c r="J70" s="92"/>
      <c r="K70" s="92"/>
      <c r="L70" s="92"/>
      <c r="M70" s="92"/>
      <c r="N70" s="92"/>
      <c r="O70" s="92"/>
      <c r="P70" s="92"/>
      <c r="Q70" s="93"/>
      <c r="R70" s="16"/>
      <c r="S70" s="16"/>
    </row>
    <row r="71" spans="1:19" ht="28.35" customHeight="1" x14ac:dyDescent="0.4">
      <c r="A71" s="66"/>
      <c r="B71" s="67"/>
      <c r="C71" s="91"/>
      <c r="D71" s="92"/>
      <c r="E71" s="92"/>
      <c r="F71" s="92"/>
      <c r="G71" s="92"/>
      <c r="H71" s="92"/>
      <c r="I71" s="92"/>
      <c r="J71" s="92"/>
      <c r="K71" s="92"/>
      <c r="L71" s="92"/>
      <c r="M71" s="92"/>
      <c r="N71" s="92"/>
      <c r="O71" s="92"/>
      <c r="P71" s="92"/>
      <c r="Q71" s="93"/>
      <c r="R71" s="16"/>
      <c r="S71" s="16"/>
    </row>
    <row r="72" spans="1:19" ht="28.35" customHeight="1" x14ac:dyDescent="0.4">
      <c r="A72" s="66"/>
      <c r="B72" s="67"/>
      <c r="C72" s="91"/>
      <c r="D72" s="92"/>
      <c r="E72" s="92"/>
      <c r="F72" s="92"/>
      <c r="G72" s="92"/>
      <c r="H72" s="92"/>
      <c r="I72" s="92"/>
      <c r="J72" s="92"/>
      <c r="K72" s="92"/>
      <c r="L72" s="92"/>
      <c r="M72" s="92"/>
      <c r="N72" s="92"/>
      <c r="O72" s="92"/>
      <c r="P72" s="92"/>
      <c r="Q72" s="93"/>
    </row>
    <row r="73" spans="1:19" ht="28.35" customHeight="1" x14ac:dyDescent="0.4">
      <c r="A73" s="66"/>
      <c r="B73" s="67"/>
      <c r="C73" s="91"/>
      <c r="D73" s="92"/>
      <c r="E73" s="92"/>
      <c r="F73" s="92"/>
      <c r="G73" s="92"/>
      <c r="H73" s="92"/>
      <c r="I73" s="92"/>
      <c r="J73" s="92"/>
      <c r="K73" s="92"/>
      <c r="L73" s="92"/>
      <c r="M73" s="92"/>
      <c r="N73" s="92"/>
      <c r="O73" s="92"/>
      <c r="P73" s="92"/>
      <c r="Q73" s="93"/>
    </row>
    <row r="74" spans="1:19" ht="28.35" customHeight="1" x14ac:dyDescent="0.4">
      <c r="A74" s="66"/>
      <c r="B74" s="67"/>
      <c r="C74" s="91"/>
      <c r="D74" s="92"/>
      <c r="E74" s="92"/>
      <c r="F74" s="92"/>
      <c r="G74" s="92"/>
      <c r="H74" s="92"/>
      <c r="I74" s="92"/>
      <c r="J74" s="92"/>
      <c r="K74" s="92"/>
      <c r="L74" s="92"/>
      <c r="M74" s="92"/>
      <c r="N74" s="92"/>
      <c r="O74" s="92"/>
      <c r="P74" s="92"/>
      <c r="Q74" s="93"/>
    </row>
    <row r="75" spans="1:19" ht="28.35" customHeight="1" x14ac:dyDescent="0.4">
      <c r="A75" s="66"/>
      <c r="B75" s="67"/>
      <c r="C75" s="91"/>
      <c r="D75" s="92"/>
      <c r="E75" s="92"/>
      <c r="F75" s="92"/>
      <c r="G75" s="92"/>
      <c r="H75" s="92"/>
      <c r="I75" s="92"/>
      <c r="J75" s="92"/>
      <c r="K75" s="92"/>
      <c r="L75" s="92"/>
      <c r="M75" s="92"/>
      <c r="N75" s="92"/>
      <c r="O75" s="92"/>
      <c r="P75" s="92"/>
      <c r="Q75" s="93"/>
    </row>
    <row r="76" spans="1:19" ht="28.35" customHeight="1" x14ac:dyDescent="0.4">
      <c r="A76" s="66"/>
      <c r="B76" s="67"/>
      <c r="C76" s="91"/>
      <c r="D76" s="92"/>
      <c r="E76" s="92"/>
      <c r="F76" s="92"/>
      <c r="G76" s="92"/>
      <c r="H76" s="92"/>
      <c r="I76" s="92"/>
      <c r="J76" s="92"/>
      <c r="K76" s="92"/>
      <c r="L76" s="92"/>
      <c r="M76" s="92"/>
      <c r="N76" s="92"/>
      <c r="O76" s="92"/>
      <c r="P76" s="92"/>
      <c r="Q76" s="93"/>
    </row>
    <row r="77" spans="1:19" ht="28.35" customHeight="1" x14ac:dyDescent="0.4">
      <c r="A77" s="66"/>
      <c r="B77" s="67"/>
      <c r="C77" s="91"/>
      <c r="D77" s="92"/>
      <c r="E77" s="92"/>
      <c r="F77" s="92"/>
      <c r="G77" s="92"/>
      <c r="H77" s="92"/>
      <c r="I77" s="92"/>
      <c r="J77" s="92"/>
      <c r="K77" s="92"/>
      <c r="L77" s="92"/>
      <c r="M77" s="92"/>
      <c r="N77" s="92"/>
      <c r="O77" s="92"/>
      <c r="P77" s="92"/>
      <c r="Q77" s="93"/>
    </row>
    <row r="78" spans="1:19" ht="28.35" customHeight="1" x14ac:dyDescent="0.4">
      <c r="A78" s="66"/>
      <c r="B78" s="67"/>
      <c r="C78" s="91"/>
      <c r="D78" s="92"/>
      <c r="E78" s="92"/>
      <c r="F78" s="92"/>
      <c r="G78" s="92"/>
      <c r="H78" s="92"/>
      <c r="I78" s="92"/>
      <c r="J78" s="92"/>
      <c r="K78" s="92"/>
      <c r="L78" s="92"/>
      <c r="M78" s="92"/>
      <c r="N78" s="92"/>
      <c r="O78" s="92"/>
      <c r="P78" s="92"/>
      <c r="Q78" s="93"/>
    </row>
    <row r="79" spans="1:19" ht="28.35" customHeight="1" x14ac:dyDescent="0.4">
      <c r="A79" s="57"/>
      <c r="B79" s="59"/>
      <c r="C79" s="94"/>
      <c r="D79" s="95"/>
      <c r="E79" s="95"/>
      <c r="F79" s="95"/>
      <c r="G79" s="95"/>
      <c r="H79" s="95"/>
      <c r="I79" s="95"/>
      <c r="J79" s="95"/>
      <c r="K79" s="95"/>
      <c r="L79" s="95"/>
      <c r="M79" s="95"/>
      <c r="N79" s="95"/>
      <c r="O79" s="95"/>
      <c r="P79" s="95"/>
      <c r="Q79" s="96"/>
    </row>
    <row r="80" spans="1:19" ht="18.95" customHeight="1" x14ac:dyDescent="0.4">
      <c r="A80" s="38"/>
      <c r="B80" s="31"/>
      <c r="C80" s="37"/>
      <c r="D80" s="37"/>
      <c r="E80" s="37"/>
      <c r="F80" s="37"/>
      <c r="G80" s="37"/>
      <c r="H80" s="37"/>
      <c r="I80" s="37"/>
      <c r="J80" s="37"/>
      <c r="K80" s="37"/>
      <c r="L80" s="37"/>
      <c r="M80" s="37"/>
      <c r="N80" s="37"/>
      <c r="O80" s="37"/>
      <c r="P80" s="37"/>
      <c r="Q80" s="37"/>
    </row>
    <row r="81" spans="1:17" x14ac:dyDescent="0.4">
      <c r="A81" s="5" t="s">
        <v>20</v>
      </c>
    </row>
    <row r="82" spans="1:17" x14ac:dyDescent="0.4">
      <c r="A82" s="5"/>
    </row>
    <row r="83" spans="1:17" x14ac:dyDescent="0.4">
      <c r="A83" s="29" t="s">
        <v>72</v>
      </c>
      <c r="B83" s="5"/>
      <c r="C83" s="5"/>
      <c r="D83" s="5"/>
      <c r="E83" s="5"/>
      <c r="F83" s="5"/>
      <c r="G83" s="5"/>
      <c r="H83" s="5"/>
      <c r="I83" s="5"/>
    </row>
    <row r="84" spans="1:17" ht="27.95" customHeight="1" x14ac:dyDescent="0.4">
      <c r="A84" s="54" t="s">
        <v>73</v>
      </c>
      <c r="B84" s="56"/>
      <c r="C84" s="12"/>
      <c r="D84" s="13"/>
      <c r="E84" s="13"/>
      <c r="F84" s="13"/>
      <c r="G84" s="13"/>
      <c r="H84" s="13"/>
      <c r="I84" s="13"/>
      <c r="J84" s="13"/>
      <c r="K84" s="13"/>
      <c r="L84" s="13"/>
      <c r="M84" s="13"/>
      <c r="N84" s="13"/>
      <c r="O84" s="13"/>
      <c r="P84" s="13"/>
      <c r="Q84" s="14"/>
    </row>
    <row r="85" spans="1:17" ht="28.35" customHeight="1" x14ac:dyDescent="0.4">
      <c r="A85" s="66"/>
      <c r="B85" s="67"/>
      <c r="C85" s="15"/>
      <c r="D85" s="16"/>
      <c r="E85" s="16"/>
      <c r="F85" s="16"/>
      <c r="G85" s="16"/>
      <c r="H85" s="16"/>
      <c r="I85" s="16"/>
      <c r="J85" s="16"/>
      <c r="K85" s="16"/>
      <c r="L85" s="16"/>
      <c r="M85" s="16"/>
      <c r="N85" s="16"/>
      <c r="O85" s="16"/>
      <c r="P85" s="16"/>
      <c r="Q85" s="17"/>
    </row>
    <row r="86" spans="1:17" ht="28.35" customHeight="1" x14ac:dyDescent="0.4">
      <c r="A86" s="66"/>
      <c r="B86" s="67"/>
      <c r="C86" s="15"/>
      <c r="D86" s="16"/>
      <c r="E86" s="16"/>
      <c r="F86" s="16"/>
      <c r="G86" s="16"/>
      <c r="H86" s="16"/>
      <c r="I86" s="16"/>
      <c r="J86" s="16"/>
      <c r="K86" s="16"/>
      <c r="L86" s="16"/>
      <c r="M86" s="16"/>
      <c r="N86" s="16"/>
      <c r="O86" s="16"/>
      <c r="P86" s="16"/>
      <c r="Q86" s="17"/>
    </row>
    <row r="87" spans="1:17" ht="28.35" customHeight="1" x14ac:dyDescent="0.4">
      <c r="A87" s="66"/>
      <c r="B87" s="67"/>
      <c r="C87" s="15"/>
      <c r="D87" s="16"/>
      <c r="E87" s="16"/>
      <c r="F87" s="16"/>
      <c r="G87" s="16"/>
      <c r="H87" s="16"/>
      <c r="I87" s="16"/>
      <c r="J87" s="16"/>
      <c r="K87" s="16"/>
      <c r="L87" s="16"/>
      <c r="M87" s="16"/>
      <c r="N87" s="16"/>
      <c r="O87" s="16"/>
      <c r="P87" s="16"/>
      <c r="Q87" s="17"/>
    </row>
    <row r="88" spans="1:17" x14ac:dyDescent="0.4">
      <c r="A88" s="57"/>
      <c r="B88" s="59"/>
      <c r="C88" s="18"/>
      <c r="D88" s="19"/>
      <c r="E88" s="19"/>
      <c r="F88" s="19"/>
      <c r="G88" s="19"/>
      <c r="H88" s="19"/>
      <c r="I88" s="19"/>
      <c r="J88" s="19"/>
      <c r="K88" s="19"/>
      <c r="L88" s="19"/>
      <c r="M88" s="16"/>
      <c r="N88" s="16"/>
      <c r="O88" s="16"/>
      <c r="P88" s="16"/>
      <c r="Q88" s="17"/>
    </row>
    <row r="89" spans="1:17" ht="31.35" customHeight="1" x14ac:dyDescent="0.4">
      <c r="A89" s="54" t="s">
        <v>80</v>
      </c>
      <c r="B89" s="56"/>
      <c r="C89" s="54" t="s">
        <v>77</v>
      </c>
      <c r="D89" s="55"/>
      <c r="E89" s="56"/>
      <c r="F89" s="50" t="s">
        <v>74</v>
      </c>
      <c r="G89" s="50"/>
      <c r="H89" s="49"/>
      <c r="I89" s="48" t="s">
        <v>75</v>
      </c>
      <c r="J89" s="50"/>
      <c r="K89" s="50"/>
      <c r="L89" s="49"/>
      <c r="M89" s="48" t="s">
        <v>76</v>
      </c>
      <c r="N89" s="50"/>
      <c r="O89" s="50"/>
      <c r="P89" s="50"/>
      <c r="Q89" s="49"/>
    </row>
    <row r="90" spans="1:17" ht="31.35" customHeight="1" x14ac:dyDescent="0.4">
      <c r="A90" s="66"/>
      <c r="B90" s="67"/>
      <c r="C90" s="66"/>
      <c r="D90" s="97"/>
      <c r="E90" s="67"/>
      <c r="F90" s="32"/>
      <c r="G90" s="33"/>
      <c r="H90" s="35"/>
      <c r="I90" s="32"/>
      <c r="J90" s="33"/>
      <c r="K90" s="33"/>
      <c r="L90" s="35"/>
      <c r="M90" s="33"/>
      <c r="N90" s="33"/>
      <c r="O90" s="33"/>
      <c r="P90" s="33"/>
      <c r="Q90" s="35"/>
    </row>
    <row r="91" spans="1:17" ht="31.35" customHeight="1" x14ac:dyDescent="0.4">
      <c r="A91" s="66"/>
      <c r="B91" s="67"/>
      <c r="C91" s="66"/>
      <c r="D91" s="97"/>
      <c r="E91" s="67"/>
      <c r="F91" s="32"/>
      <c r="G91" s="33"/>
      <c r="H91" s="35"/>
      <c r="I91" s="32"/>
      <c r="J91" s="33"/>
      <c r="K91" s="33"/>
      <c r="L91" s="35"/>
      <c r="M91" s="33"/>
      <c r="N91" s="33"/>
      <c r="O91" s="33"/>
      <c r="P91" s="33"/>
      <c r="Q91" s="35"/>
    </row>
    <row r="92" spans="1:17" ht="31.35" customHeight="1" x14ac:dyDescent="0.4">
      <c r="A92" s="66"/>
      <c r="B92" s="67"/>
      <c r="C92" s="57"/>
      <c r="D92" s="58"/>
      <c r="E92" s="59"/>
      <c r="F92" s="32"/>
      <c r="G92" s="33"/>
      <c r="H92" s="35"/>
      <c r="I92" s="32"/>
      <c r="J92" s="33"/>
      <c r="K92" s="33"/>
      <c r="L92" s="35"/>
      <c r="M92" s="33"/>
      <c r="N92" s="33"/>
      <c r="O92" s="33"/>
      <c r="P92" s="33"/>
      <c r="Q92" s="35"/>
    </row>
    <row r="93" spans="1:17" ht="42" customHeight="1" x14ac:dyDescent="0.4">
      <c r="A93" s="57"/>
      <c r="B93" s="59"/>
      <c r="C93" s="48" t="s">
        <v>78</v>
      </c>
      <c r="D93" s="50"/>
      <c r="E93" s="49"/>
      <c r="F93" s="48" t="s">
        <v>79</v>
      </c>
      <c r="G93" s="50"/>
      <c r="H93" s="50"/>
      <c r="I93" s="49"/>
      <c r="J93" s="32"/>
      <c r="K93" s="33"/>
      <c r="L93" s="33"/>
      <c r="M93" s="33"/>
      <c r="N93" s="33"/>
      <c r="O93" s="33"/>
      <c r="P93" s="33"/>
      <c r="Q93" s="35"/>
    </row>
    <row r="94" spans="1:17" ht="28.35" customHeight="1" x14ac:dyDescent="0.4">
      <c r="A94" s="54" t="s">
        <v>53</v>
      </c>
      <c r="B94" s="56"/>
      <c r="C94" s="12"/>
      <c r="D94" s="13"/>
      <c r="E94" s="13"/>
      <c r="F94" s="13"/>
      <c r="G94" s="13"/>
      <c r="H94" s="13"/>
      <c r="I94" s="13"/>
      <c r="J94" s="13"/>
      <c r="K94" s="13"/>
      <c r="L94" s="13"/>
      <c r="M94" s="13"/>
      <c r="N94" s="13"/>
      <c r="O94" s="13"/>
      <c r="P94" s="13"/>
      <c r="Q94" s="14"/>
    </row>
    <row r="95" spans="1:17" ht="28.35" customHeight="1" x14ac:dyDescent="0.4">
      <c r="A95" s="66"/>
      <c r="B95" s="67"/>
      <c r="C95" s="15"/>
      <c r="D95" s="16"/>
      <c r="E95" s="16"/>
      <c r="F95" s="16"/>
      <c r="G95" s="16"/>
      <c r="H95" s="16"/>
      <c r="I95" s="16"/>
      <c r="J95" s="16"/>
      <c r="K95" s="16"/>
      <c r="L95" s="16"/>
      <c r="M95" s="16"/>
      <c r="N95" s="16"/>
      <c r="O95" s="16"/>
      <c r="P95" s="16"/>
      <c r="Q95" s="17"/>
    </row>
    <row r="96" spans="1:17" ht="28.35" customHeight="1" x14ac:dyDescent="0.4">
      <c r="A96" s="66"/>
      <c r="B96" s="67"/>
      <c r="C96" s="15"/>
      <c r="D96" s="16"/>
      <c r="E96" s="16"/>
      <c r="F96" s="16"/>
      <c r="G96" s="16"/>
      <c r="H96" s="16"/>
      <c r="I96" s="16"/>
      <c r="J96" s="16"/>
      <c r="K96" s="16"/>
      <c r="L96" s="16"/>
      <c r="M96" s="16"/>
      <c r="N96" s="16"/>
      <c r="O96" s="16"/>
      <c r="P96" s="16"/>
      <c r="Q96" s="17"/>
    </row>
    <row r="97" spans="1:17" ht="28.35" customHeight="1" x14ac:dyDescent="0.4">
      <c r="A97" s="66"/>
      <c r="B97" s="67"/>
      <c r="C97" s="15"/>
      <c r="D97" s="16"/>
      <c r="E97" s="16"/>
      <c r="F97" s="16"/>
      <c r="G97" s="16"/>
      <c r="H97" s="16"/>
      <c r="I97" s="16"/>
      <c r="J97" s="16"/>
      <c r="K97" s="16"/>
      <c r="L97" s="16"/>
      <c r="M97" s="16"/>
      <c r="N97" s="16"/>
      <c r="O97" s="16"/>
      <c r="P97" s="16"/>
      <c r="Q97" s="17"/>
    </row>
    <row r="98" spans="1:17" ht="28.35" customHeight="1" x14ac:dyDescent="0.4">
      <c r="A98" s="57"/>
      <c r="B98" s="59"/>
      <c r="C98" s="18"/>
      <c r="D98" s="19"/>
      <c r="E98" s="19"/>
      <c r="F98" s="19"/>
      <c r="G98" s="19"/>
      <c r="H98" s="19"/>
      <c r="I98" s="19"/>
      <c r="J98" s="19"/>
      <c r="K98" s="19"/>
      <c r="L98" s="19"/>
      <c r="M98" s="19"/>
      <c r="N98" s="19"/>
      <c r="O98" s="19"/>
      <c r="P98" s="19"/>
      <c r="Q98" s="20"/>
    </row>
    <row r="99" spans="1:17" ht="28.35" customHeight="1" x14ac:dyDescent="0.4">
      <c r="A99" s="54" t="s">
        <v>54</v>
      </c>
      <c r="B99" s="56"/>
      <c r="C99" s="12"/>
      <c r="D99" s="13"/>
      <c r="E99" s="13"/>
      <c r="F99" s="13"/>
      <c r="G99" s="13"/>
      <c r="H99" s="13"/>
      <c r="I99" s="13"/>
      <c r="J99" s="13"/>
      <c r="K99" s="13"/>
      <c r="L99" s="13"/>
      <c r="M99" s="13"/>
      <c r="N99" s="13"/>
      <c r="O99" s="13"/>
      <c r="P99" s="13"/>
      <c r="Q99" s="14"/>
    </row>
    <row r="100" spans="1:17" ht="28.35" customHeight="1" x14ac:dyDescent="0.4">
      <c r="A100" s="66"/>
      <c r="B100" s="67"/>
      <c r="C100" s="15"/>
      <c r="D100" s="16"/>
      <c r="E100" s="16"/>
      <c r="F100" s="16"/>
      <c r="G100" s="16"/>
      <c r="H100" s="16"/>
      <c r="I100" s="16"/>
      <c r="J100" s="16"/>
      <c r="K100" s="16"/>
      <c r="L100" s="16"/>
      <c r="M100" s="16"/>
      <c r="N100" s="16"/>
      <c r="O100" s="16"/>
      <c r="P100" s="16"/>
      <c r="Q100" s="17"/>
    </row>
    <row r="101" spans="1:17" ht="28.35" customHeight="1" x14ac:dyDescent="0.4">
      <c r="A101" s="66"/>
      <c r="B101" s="67"/>
      <c r="C101" s="15"/>
      <c r="D101" s="16"/>
      <c r="E101" s="16"/>
      <c r="F101" s="16"/>
      <c r="G101" s="16"/>
      <c r="H101" s="16"/>
      <c r="I101" s="16"/>
      <c r="J101" s="16"/>
      <c r="K101" s="16"/>
      <c r="L101" s="16"/>
      <c r="M101" s="16"/>
      <c r="N101" s="16"/>
      <c r="O101" s="16"/>
      <c r="P101" s="16"/>
      <c r="Q101" s="17"/>
    </row>
    <row r="102" spans="1:17" ht="28.35" customHeight="1" x14ac:dyDescent="0.4">
      <c r="A102" s="66"/>
      <c r="B102" s="67"/>
      <c r="C102" s="15"/>
      <c r="D102" s="16"/>
      <c r="E102" s="16"/>
      <c r="F102" s="16"/>
      <c r="G102" s="16"/>
      <c r="H102" s="16"/>
      <c r="I102" s="16"/>
      <c r="J102" s="16"/>
      <c r="K102" s="16"/>
      <c r="L102" s="16"/>
      <c r="M102" s="16"/>
      <c r="N102" s="16"/>
      <c r="O102" s="16"/>
      <c r="P102" s="16"/>
      <c r="Q102" s="17"/>
    </row>
    <row r="103" spans="1:17" ht="28.35" customHeight="1" x14ac:dyDescent="0.4">
      <c r="A103" s="66"/>
      <c r="B103" s="67"/>
      <c r="C103" s="15"/>
      <c r="D103" s="16"/>
      <c r="E103" s="16"/>
      <c r="F103" s="16"/>
      <c r="G103" s="16"/>
      <c r="H103" s="16"/>
      <c r="I103" s="16"/>
      <c r="J103" s="16"/>
      <c r="K103" s="16"/>
      <c r="L103" s="16"/>
      <c r="M103" s="16"/>
      <c r="N103" s="16"/>
      <c r="O103" s="16"/>
      <c r="P103" s="16"/>
      <c r="Q103" s="17"/>
    </row>
    <row r="104" spans="1:17" ht="18.600000000000001" customHeight="1" x14ac:dyDescent="0.4">
      <c r="A104" s="57"/>
      <c r="B104" s="59"/>
      <c r="C104" s="18"/>
      <c r="D104" s="19"/>
      <c r="E104" s="19"/>
      <c r="F104" s="19"/>
      <c r="G104" s="19"/>
      <c r="H104" s="19"/>
      <c r="I104" s="19"/>
      <c r="J104" s="19"/>
      <c r="K104" s="19"/>
      <c r="L104" s="19"/>
      <c r="M104" s="19"/>
      <c r="N104" s="19"/>
      <c r="O104" s="19"/>
      <c r="P104" s="19"/>
      <c r="Q104" s="20"/>
    </row>
    <row r="105" spans="1:17" ht="18" customHeight="1" x14ac:dyDescent="0.4">
      <c r="A105" s="5" t="s">
        <v>22</v>
      </c>
      <c r="I105" s="16"/>
    </row>
    <row r="107" spans="1:17" x14ac:dyDescent="0.4">
      <c r="A107" s="29" t="s">
        <v>81</v>
      </c>
      <c r="B107" s="5"/>
      <c r="C107" s="5"/>
      <c r="D107" s="5"/>
      <c r="E107" s="5"/>
      <c r="F107" s="5"/>
      <c r="G107" s="5"/>
      <c r="H107" s="5"/>
      <c r="I107" s="5"/>
    </row>
    <row r="108" spans="1:17" ht="16.5" customHeight="1" x14ac:dyDescent="0.4">
      <c r="A108" s="54" t="s">
        <v>73</v>
      </c>
      <c r="B108" s="56"/>
      <c r="C108" s="12"/>
      <c r="D108" s="13"/>
      <c r="E108" s="13"/>
      <c r="F108" s="13"/>
      <c r="G108" s="13"/>
      <c r="H108" s="13"/>
      <c r="I108" s="13"/>
      <c r="J108" s="13"/>
      <c r="K108" s="13"/>
      <c r="L108" s="13"/>
      <c r="M108" s="13"/>
      <c r="N108" s="13"/>
      <c r="O108" s="13"/>
      <c r="P108" s="13"/>
      <c r="Q108" s="14"/>
    </row>
    <row r="109" spans="1:17" ht="28.35" customHeight="1" x14ac:dyDescent="0.4">
      <c r="A109" s="66"/>
      <c r="B109" s="67"/>
      <c r="C109" s="15"/>
      <c r="D109" s="16"/>
      <c r="E109" s="16"/>
      <c r="F109" s="16"/>
      <c r="G109" s="16"/>
      <c r="H109" s="16"/>
      <c r="I109" s="16"/>
      <c r="J109" s="16"/>
      <c r="K109" s="16"/>
      <c r="L109" s="16"/>
      <c r="M109" s="16"/>
      <c r="N109" s="16"/>
      <c r="O109" s="16"/>
      <c r="P109" s="16"/>
      <c r="Q109" s="17"/>
    </row>
    <row r="110" spans="1:17" ht="28.35" customHeight="1" x14ac:dyDescent="0.4">
      <c r="A110" s="66"/>
      <c r="B110" s="67"/>
      <c r="C110" s="15"/>
      <c r="D110" s="16"/>
      <c r="E110" s="16"/>
      <c r="F110" s="16"/>
      <c r="G110" s="16"/>
      <c r="H110" s="16"/>
      <c r="I110" s="16"/>
      <c r="J110" s="16"/>
      <c r="K110" s="16"/>
      <c r="L110" s="16"/>
      <c r="M110" s="16"/>
      <c r="N110" s="16"/>
      <c r="O110" s="16"/>
      <c r="P110" s="16"/>
      <c r="Q110" s="17"/>
    </row>
    <row r="111" spans="1:17" ht="28.35" customHeight="1" x14ac:dyDescent="0.4">
      <c r="A111" s="57"/>
      <c r="B111" s="59"/>
      <c r="C111" s="18"/>
      <c r="D111" s="19"/>
      <c r="E111" s="19"/>
      <c r="F111" s="19"/>
      <c r="G111" s="19"/>
      <c r="H111" s="19"/>
      <c r="I111" s="19"/>
      <c r="J111" s="19"/>
      <c r="K111" s="19"/>
      <c r="L111" s="19"/>
      <c r="M111" s="19"/>
      <c r="N111" s="19"/>
      <c r="O111" s="19"/>
      <c r="P111" s="19"/>
      <c r="Q111" s="20"/>
    </row>
    <row r="112" spans="1:17" ht="42" customHeight="1" x14ac:dyDescent="0.4">
      <c r="A112" s="48" t="s">
        <v>82</v>
      </c>
      <c r="B112" s="49"/>
      <c r="C112" s="88" t="s">
        <v>83</v>
      </c>
      <c r="D112" s="52"/>
      <c r="E112" s="52"/>
      <c r="F112" s="52"/>
      <c r="G112" s="52"/>
      <c r="H112" s="52"/>
      <c r="I112" s="52"/>
      <c r="J112" s="52"/>
      <c r="K112" s="52"/>
      <c r="L112" s="52"/>
      <c r="M112" s="52"/>
      <c r="N112" s="52"/>
      <c r="O112" s="52"/>
      <c r="P112" s="52"/>
      <c r="Q112" s="53"/>
    </row>
    <row r="113" spans="1:17" ht="32.450000000000003" customHeight="1" x14ac:dyDescent="0.4">
      <c r="A113" s="54" t="s">
        <v>89</v>
      </c>
      <c r="B113" s="56"/>
      <c r="C113" s="51" t="s">
        <v>84</v>
      </c>
      <c r="D113" s="52"/>
      <c r="E113" s="53"/>
      <c r="F113" s="51" t="s">
        <v>85</v>
      </c>
      <c r="G113" s="52"/>
      <c r="H113" s="52"/>
      <c r="I113" s="52"/>
      <c r="J113" s="52"/>
      <c r="K113" s="52"/>
      <c r="L113" s="52"/>
      <c r="M113" s="52"/>
      <c r="N113" s="52"/>
      <c r="O113" s="52"/>
      <c r="P113" s="52"/>
      <c r="Q113" s="53"/>
    </row>
    <row r="114" spans="1:17" ht="32.450000000000003" customHeight="1" x14ac:dyDescent="0.4">
      <c r="A114" s="66"/>
      <c r="B114" s="67"/>
      <c r="C114" s="63" t="s">
        <v>86</v>
      </c>
      <c r="D114" s="64"/>
      <c r="E114" s="65"/>
      <c r="F114" s="52" t="s">
        <v>85</v>
      </c>
      <c r="G114" s="52"/>
      <c r="H114" s="52"/>
      <c r="I114" s="52"/>
      <c r="J114" s="52"/>
      <c r="K114" s="52"/>
      <c r="L114" s="52"/>
      <c r="M114" s="52"/>
      <c r="N114" s="52"/>
      <c r="O114" s="52"/>
      <c r="P114" s="52"/>
      <c r="Q114" s="53"/>
    </row>
    <row r="115" spans="1:17" ht="42" customHeight="1" x14ac:dyDescent="0.4">
      <c r="A115" s="66"/>
      <c r="B115" s="67"/>
      <c r="C115" s="84"/>
      <c r="D115" s="98"/>
      <c r="E115" s="85"/>
      <c r="F115" s="68" t="s">
        <v>87</v>
      </c>
      <c r="G115" s="50"/>
      <c r="H115" s="49"/>
      <c r="I115" s="32"/>
      <c r="J115" s="33"/>
      <c r="K115" s="33"/>
      <c r="L115" s="33"/>
      <c r="M115" s="33"/>
      <c r="N115" s="33"/>
      <c r="O115" s="33"/>
      <c r="P115" s="33"/>
      <c r="Q115" s="35"/>
    </row>
    <row r="116" spans="1:17" ht="41.45" customHeight="1" x14ac:dyDescent="0.4">
      <c r="A116" s="57"/>
      <c r="B116" s="59"/>
      <c r="C116" s="60"/>
      <c r="D116" s="61"/>
      <c r="E116" s="62"/>
      <c r="F116" s="48" t="s">
        <v>88</v>
      </c>
      <c r="G116" s="50"/>
      <c r="H116" s="49"/>
      <c r="I116" s="32"/>
      <c r="J116" s="33"/>
      <c r="K116" s="33"/>
      <c r="L116" s="33"/>
      <c r="M116" s="33"/>
      <c r="N116" s="33"/>
      <c r="O116" s="33"/>
      <c r="P116" s="33"/>
      <c r="Q116" s="35"/>
    </row>
    <row r="117" spans="1:17" ht="27.95" customHeight="1" x14ac:dyDescent="0.4">
      <c r="A117" s="89" t="s">
        <v>90</v>
      </c>
      <c r="B117" s="56"/>
      <c r="C117" s="83" t="s">
        <v>119</v>
      </c>
      <c r="D117" s="64"/>
      <c r="E117" s="64"/>
      <c r="F117" s="64"/>
      <c r="G117" s="64"/>
      <c r="H117" s="64"/>
      <c r="I117" s="64"/>
      <c r="J117" s="64"/>
      <c r="K117" s="64"/>
      <c r="L117" s="64"/>
      <c r="M117" s="64"/>
      <c r="N117" s="64"/>
      <c r="O117" s="64"/>
      <c r="P117" s="64"/>
      <c r="Q117" s="65"/>
    </row>
    <row r="118" spans="1:17" ht="28.35" customHeight="1" x14ac:dyDescent="0.4">
      <c r="A118" s="66"/>
      <c r="B118" s="67"/>
      <c r="C118" s="84"/>
      <c r="D118" s="98"/>
      <c r="E118" s="98"/>
      <c r="F118" s="98"/>
      <c r="G118" s="98"/>
      <c r="H118" s="98"/>
      <c r="I118" s="98"/>
      <c r="J118" s="98"/>
      <c r="K118" s="98"/>
      <c r="L118" s="98"/>
      <c r="M118" s="98"/>
      <c r="N118" s="98"/>
      <c r="O118" s="98"/>
      <c r="P118" s="98"/>
      <c r="Q118" s="85"/>
    </row>
    <row r="119" spans="1:17" ht="28.35" customHeight="1" x14ac:dyDescent="0.4">
      <c r="A119" s="66"/>
      <c r="B119" s="67"/>
      <c r="C119" s="84"/>
      <c r="D119" s="98"/>
      <c r="E119" s="98"/>
      <c r="F119" s="98"/>
      <c r="G119" s="98"/>
      <c r="H119" s="98"/>
      <c r="I119" s="98"/>
      <c r="J119" s="98"/>
      <c r="K119" s="98"/>
      <c r="L119" s="98"/>
      <c r="M119" s="98"/>
      <c r="N119" s="98"/>
      <c r="O119" s="98"/>
      <c r="P119" s="98"/>
      <c r="Q119" s="85"/>
    </row>
    <row r="120" spans="1:17" ht="23.1" customHeight="1" x14ac:dyDescent="0.4">
      <c r="A120" s="57"/>
      <c r="B120" s="59"/>
      <c r="C120" s="60"/>
      <c r="D120" s="61"/>
      <c r="E120" s="61"/>
      <c r="F120" s="61"/>
      <c r="G120" s="61"/>
      <c r="H120" s="61"/>
      <c r="I120" s="61"/>
      <c r="J120" s="61"/>
      <c r="K120" s="61"/>
      <c r="L120" s="61"/>
      <c r="M120" s="61"/>
      <c r="N120" s="61"/>
      <c r="O120" s="61"/>
      <c r="P120" s="61"/>
      <c r="Q120" s="62"/>
    </row>
    <row r="121" spans="1:17" ht="30.95" customHeight="1" x14ac:dyDescent="0.4">
      <c r="A121" s="54" t="s">
        <v>53</v>
      </c>
      <c r="B121" s="56"/>
      <c r="C121" s="12"/>
      <c r="D121" s="13"/>
      <c r="E121" s="13"/>
      <c r="F121" s="13"/>
      <c r="G121" s="13"/>
      <c r="H121" s="13"/>
      <c r="I121" s="13"/>
      <c r="J121" s="13"/>
      <c r="K121" s="13"/>
      <c r="L121" s="13"/>
      <c r="M121" s="13"/>
      <c r="N121" s="13"/>
      <c r="O121" s="13"/>
      <c r="P121" s="13"/>
      <c r="Q121" s="14"/>
    </row>
    <row r="122" spans="1:17" ht="28.35" customHeight="1" x14ac:dyDescent="0.4">
      <c r="A122" s="66"/>
      <c r="B122" s="67"/>
      <c r="C122" s="15"/>
      <c r="D122" s="16"/>
      <c r="E122" s="16"/>
      <c r="F122" s="16"/>
      <c r="G122" s="16"/>
      <c r="H122" s="16"/>
      <c r="I122" s="16"/>
      <c r="J122" s="16"/>
      <c r="K122" s="16"/>
      <c r="L122" s="16"/>
      <c r="M122" s="16"/>
      <c r="N122" s="16"/>
      <c r="O122" s="16"/>
      <c r="P122" s="16"/>
      <c r="Q122" s="17"/>
    </row>
    <row r="123" spans="1:17" ht="28.35" customHeight="1" x14ac:dyDescent="0.4">
      <c r="A123" s="66"/>
      <c r="B123" s="67"/>
      <c r="C123" s="15"/>
      <c r="D123" s="16"/>
      <c r="E123" s="16"/>
      <c r="F123" s="16"/>
      <c r="G123" s="16"/>
      <c r="H123" s="16"/>
      <c r="I123" s="16"/>
      <c r="J123" s="16"/>
      <c r="K123" s="16"/>
      <c r="L123" s="16"/>
      <c r="M123" s="16"/>
      <c r="N123" s="16"/>
      <c r="O123" s="16"/>
      <c r="P123" s="16"/>
      <c r="Q123" s="17"/>
    </row>
    <row r="124" spans="1:17" ht="28.35" customHeight="1" x14ac:dyDescent="0.4">
      <c r="A124" s="57"/>
      <c r="B124" s="59"/>
      <c r="C124" s="18"/>
      <c r="D124" s="19"/>
      <c r="E124" s="19"/>
      <c r="F124" s="19"/>
      <c r="G124" s="19"/>
      <c r="H124" s="19"/>
      <c r="I124" s="19"/>
      <c r="J124" s="19"/>
      <c r="K124" s="19"/>
      <c r="L124" s="19"/>
      <c r="M124" s="19"/>
      <c r="N124" s="19"/>
      <c r="O124" s="19"/>
      <c r="P124" s="19"/>
      <c r="Q124" s="20"/>
    </row>
    <row r="125" spans="1:17" ht="28.35" customHeight="1" x14ac:dyDescent="0.4">
      <c r="A125" s="54" t="s">
        <v>54</v>
      </c>
      <c r="B125" s="56"/>
      <c r="C125" s="12"/>
      <c r="D125" s="13"/>
      <c r="E125" s="13"/>
      <c r="F125" s="13"/>
      <c r="G125" s="13"/>
      <c r="H125" s="13"/>
      <c r="I125" s="13"/>
      <c r="J125" s="13"/>
      <c r="K125" s="13"/>
      <c r="L125" s="13"/>
      <c r="M125" s="13"/>
      <c r="N125" s="13"/>
      <c r="O125" s="13"/>
      <c r="P125" s="13"/>
      <c r="Q125" s="14"/>
    </row>
    <row r="126" spans="1:17" ht="28.35" customHeight="1" x14ac:dyDescent="0.4">
      <c r="A126" s="66"/>
      <c r="B126" s="67"/>
      <c r="C126" s="15"/>
      <c r="D126" s="16"/>
      <c r="E126" s="16"/>
      <c r="F126" s="16"/>
      <c r="G126" s="16"/>
      <c r="H126" s="16"/>
      <c r="I126" s="16"/>
      <c r="J126" s="16"/>
      <c r="K126" s="16"/>
      <c r="L126" s="16"/>
      <c r="M126" s="16"/>
      <c r="N126" s="16"/>
      <c r="O126" s="16"/>
      <c r="P126" s="16"/>
      <c r="Q126" s="17"/>
    </row>
    <row r="127" spans="1:17" ht="28.35" customHeight="1" x14ac:dyDescent="0.4">
      <c r="A127" s="66"/>
      <c r="B127" s="67"/>
      <c r="C127" s="15"/>
      <c r="D127" s="16"/>
      <c r="E127" s="16"/>
      <c r="F127" s="16"/>
      <c r="G127" s="16"/>
      <c r="H127" s="16"/>
      <c r="I127" s="16"/>
      <c r="J127" s="16"/>
      <c r="K127" s="16"/>
      <c r="L127" s="16"/>
      <c r="M127" s="16"/>
      <c r="N127" s="16"/>
      <c r="O127" s="16"/>
      <c r="P127" s="16"/>
      <c r="Q127" s="17"/>
    </row>
    <row r="128" spans="1:17" ht="28.35" customHeight="1" x14ac:dyDescent="0.4">
      <c r="A128" s="57"/>
      <c r="B128" s="59"/>
      <c r="C128" s="18"/>
      <c r="D128" s="19"/>
      <c r="E128" s="19"/>
      <c r="F128" s="19"/>
      <c r="G128" s="19"/>
      <c r="H128" s="19"/>
      <c r="I128" s="19"/>
      <c r="J128" s="19"/>
      <c r="K128" s="19"/>
      <c r="L128" s="19"/>
      <c r="M128" s="19"/>
      <c r="N128" s="19"/>
      <c r="O128" s="19"/>
      <c r="P128" s="19"/>
      <c r="Q128" s="20"/>
    </row>
    <row r="129" spans="1:17" ht="18" customHeight="1" x14ac:dyDescent="0.4">
      <c r="A129" s="5" t="s">
        <v>23</v>
      </c>
      <c r="I129" s="16"/>
    </row>
    <row r="131" spans="1:17" x14ac:dyDescent="0.4">
      <c r="A131" s="29" t="s">
        <v>91</v>
      </c>
      <c r="B131" s="5"/>
      <c r="C131" s="5"/>
      <c r="D131" s="5"/>
      <c r="E131" s="5"/>
      <c r="F131" s="5"/>
      <c r="G131" s="5"/>
      <c r="H131" s="5"/>
      <c r="I131" s="5"/>
    </row>
    <row r="132" spans="1:17" ht="28.35" customHeight="1" x14ac:dyDescent="0.4">
      <c r="A132" s="54" t="s">
        <v>73</v>
      </c>
      <c r="B132" s="56"/>
      <c r="C132" s="21"/>
      <c r="D132" s="23"/>
      <c r="E132" s="23"/>
      <c r="F132" s="23"/>
      <c r="G132" s="23"/>
      <c r="H132" s="23"/>
      <c r="I132" s="23"/>
      <c r="J132" s="23"/>
      <c r="K132" s="23"/>
      <c r="L132" s="23"/>
      <c r="M132" s="23"/>
      <c r="N132" s="23"/>
      <c r="O132" s="23"/>
      <c r="P132" s="23"/>
      <c r="Q132" s="22"/>
    </row>
    <row r="133" spans="1:17" ht="28.35" customHeight="1" x14ac:dyDescent="0.4">
      <c r="A133" s="66"/>
      <c r="B133" s="67"/>
      <c r="C133" s="24"/>
      <c r="D133" s="26"/>
      <c r="E133" s="26"/>
      <c r="F133" s="26"/>
      <c r="G133" s="26"/>
      <c r="H133" s="26"/>
      <c r="I133" s="26"/>
      <c r="J133" s="26"/>
      <c r="K133" s="26"/>
      <c r="L133" s="26"/>
      <c r="M133" s="26"/>
      <c r="N133" s="26"/>
      <c r="O133" s="26"/>
      <c r="P133" s="26"/>
      <c r="Q133" s="25"/>
    </row>
    <row r="134" spans="1:17" ht="28.35" customHeight="1" x14ac:dyDescent="0.4">
      <c r="A134" s="66"/>
      <c r="B134" s="67"/>
      <c r="C134" s="24"/>
      <c r="D134" s="26"/>
      <c r="E134" s="26"/>
      <c r="F134" s="26"/>
      <c r="G134" s="26"/>
      <c r="H134" s="26"/>
      <c r="I134" s="26"/>
      <c r="J134" s="26"/>
      <c r="K134" s="26"/>
      <c r="L134" s="26"/>
      <c r="M134" s="26"/>
      <c r="N134" s="26"/>
      <c r="O134" s="26"/>
      <c r="P134" s="26"/>
      <c r="Q134" s="25"/>
    </row>
    <row r="135" spans="1:17" ht="28.35" customHeight="1" x14ac:dyDescent="0.4">
      <c r="A135" s="57"/>
      <c r="B135" s="59"/>
      <c r="C135" s="27"/>
      <c r="D135" s="30"/>
      <c r="E135" s="30"/>
      <c r="F135" s="30"/>
      <c r="G135" s="30"/>
      <c r="H135" s="30"/>
      <c r="I135" s="30"/>
      <c r="J135" s="30"/>
      <c r="K135" s="30"/>
      <c r="L135" s="30"/>
      <c r="M135" s="30"/>
      <c r="N135" s="30"/>
      <c r="O135" s="30"/>
      <c r="P135" s="30"/>
      <c r="Q135" s="28"/>
    </row>
    <row r="136" spans="1:17" ht="23.45" customHeight="1" x14ac:dyDescent="0.4">
      <c r="A136" s="89" t="s">
        <v>93</v>
      </c>
      <c r="B136" s="56"/>
      <c r="C136" s="48" t="s">
        <v>37</v>
      </c>
      <c r="D136" s="50"/>
      <c r="E136" s="50"/>
      <c r="F136" s="49"/>
      <c r="G136" s="48" t="s">
        <v>92</v>
      </c>
      <c r="H136" s="50"/>
      <c r="I136" s="50"/>
      <c r="J136" s="50"/>
      <c r="K136" s="50"/>
      <c r="L136" s="50"/>
      <c r="M136" s="50"/>
      <c r="N136" s="50"/>
      <c r="O136" s="50"/>
      <c r="P136" s="50"/>
      <c r="Q136" s="49"/>
    </row>
    <row r="137" spans="1:17" ht="31.35" customHeight="1" x14ac:dyDescent="0.4">
      <c r="A137" s="66"/>
      <c r="B137" s="67"/>
      <c r="C137" s="21"/>
      <c r="D137" s="23"/>
      <c r="E137" s="23"/>
      <c r="F137" s="22"/>
      <c r="G137" s="21"/>
      <c r="H137" s="23"/>
      <c r="I137" s="23"/>
      <c r="J137" s="23"/>
      <c r="K137" s="23"/>
      <c r="L137" s="23"/>
      <c r="M137" s="23"/>
      <c r="N137" s="23"/>
      <c r="O137" s="23"/>
      <c r="P137" s="23"/>
      <c r="Q137" s="22"/>
    </row>
    <row r="138" spans="1:17" ht="31.35" customHeight="1" x14ac:dyDescent="0.4">
      <c r="A138" s="66"/>
      <c r="B138" s="67"/>
      <c r="C138" s="27"/>
      <c r="D138" s="30"/>
      <c r="E138" s="30"/>
      <c r="F138" s="28"/>
      <c r="G138" s="27"/>
      <c r="H138" s="30"/>
      <c r="I138" s="30"/>
      <c r="J138" s="30"/>
      <c r="K138" s="30"/>
      <c r="L138" s="30"/>
      <c r="M138" s="30"/>
      <c r="N138" s="30"/>
      <c r="O138" s="30"/>
      <c r="P138" s="30"/>
      <c r="Q138" s="28"/>
    </row>
    <row r="139" spans="1:17" ht="31.35" customHeight="1" x14ac:dyDescent="0.4">
      <c r="A139" s="66"/>
      <c r="B139" s="67"/>
      <c r="C139" s="21"/>
      <c r="D139" s="23"/>
      <c r="E139" s="23"/>
      <c r="F139" s="22"/>
      <c r="G139" s="21"/>
      <c r="H139" s="23"/>
      <c r="I139" s="23"/>
      <c r="J139" s="23"/>
      <c r="K139" s="23"/>
      <c r="L139" s="23"/>
      <c r="M139" s="23"/>
      <c r="N139" s="23"/>
      <c r="O139" s="23"/>
      <c r="P139" s="23"/>
      <c r="Q139" s="22"/>
    </row>
    <row r="140" spans="1:17" ht="31.35" customHeight="1" x14ac:dyDescent="0.4">
      <c r="A140" s="66"/>
      <c r="B140" s="67"/>
      <c r="C140" s="27"/>
      <c r="D140" s="30"/>
      <c r="E140" s="30"/>
      <c r="F140" s="28"/>
      <c r="G140" s="27"/>
      <c r="H140" s="30"/>
      <c r="I140" s="30"/>
      <c r="J140" s="30"/>
      <c r="K140" s="30"/>
      <c r="L140" s="30"/>
      <c r="M140" s="30"/>
      <c r="N140" s="30"/>
      <c r="O140" s="30"/>
      <c r="P140" s="30"/>
      <c r="Q140" s="28"/>
    </row>
    <row r="141" spans="1:17" ht="31.35" customHeight="1" x14ac:dyDescent="0.4">
      <c r="A141" s="66"/>
      <c r="B141" s="67"/>
      <c r="C141" s="21"/>
      <c r="D141" s="23"/>
      <c r="E141" s="23"/>
      <c r="F141" s="22"/>
      <c r="G141" s="21"/>
      <c r="H141" s="23"/>
      <c r="I141" s="23"/>
      <c r="J141" s="23"/>
      <c r="K141" s="23"/>
      <c r="L141" s="23"/>
      <c r="M141" s="23"/>
      <c r="N141" s="23"/>
      <c r="O141" s="23"/>
      <c r="P141" s="23"/>
      <c r="Q141" s="22"/>
    </row>
    <row r="142" spans="1:17" ht="31.35" customHeight="1" x14ac:dyDescent="0.4">
      <c r="A142" s="57"/>
      <c r="B142" s="59"/>
      <c r="C142" s="27"/>
      <c r="D142" s="30"/>
      <c r="E142" s="30"/>
      <c r="F142" s="28"/>
      <c r="G142" s="27"/>
      <c r="H142" s="30"/>
      <c r="I142" s="30"/>
      <c r="J142" s="30"/>
      <c r="K142" s="30"/>
      <c r="L142" s="30"/>
      <c r="M142" s="30"/>
      <c r="N142" s="30"/>
      <c r="O142" s="30"/>
      <c r="P142" s="30"/>
      <c r="Q142" s="28"/>
    </row>
    <row r="143" spans="1:17" ht="31.35" customHeight="1" x14ac:dyDescent="0.4">
      <c r="A143" s="54" t="s">
        <v>96</v>
      </c>
      <c r="B143" s="56"/>
      <c r="C143" s="48" t="s">
        <v>94</v>
      </c>
      <c r="D143" s="50"/>
      <c r="E143" s="50"/>
      <c r="F143" s="49"/>
      <c r="G143" s="6"/>
      <c r="H143" s="7"/>
      <c r="I143" s="7"/>
      <c r="J143" s="7"/>
      <c r="K143" s="7"/>
      <c r="L143" s="7"/>
      <c r="M143" s="7"/>
      <c r="N143" s="7"/>
      <c r="O143" s="7"/>
      <c r="P143" s="7"/>
      <c r="Q143" s="8"/>
    </row>
    <row r="144" spans="1:17" ht="31.35" customHeight="1" x14ac:dyDescent="0.4">
      <c r="A144" s="66"/>
      <c r="B144" s="67"/>
      <c r="C144" s="54" t="s">
        <v>95</v>
      </c>
      <c r="D144" s="55"/>
      <c r="E144" s="55"/>
      <c r="F144" s="56"/>
      <c r="G144" s="12"/>
      <c r="H144" s="13"/>
      <c r="I144" s="13"/>
      <c r="J144" s="13"/>
      <c r="K144" s="13"/>
      <c r="L144" s="13"/>
      <c r="M144" s="13"/>
      <c r="N144" s="13"/>
      <c r="O144" s="13"/>
      <c r="P144" s="13"/>
      <c r="Q144" s="14"/>
    </row>
    <row r="145" spans="1:17" ht="31.35" customHeight="1" x14ac:dyDescent="0.4">
      <c r="A145" s="57"/>
      <c r="B145" s="59"/>
      <c r="C145" s="57"/>
      <c r="D145" s="58"/>
      <c r="E145" s="58"/>
      <c r="F145" s="59"/>
      <c r="G145" s="18"/>
      <c r="H145" s="19"/>
      <c r="I145" s="19"/>
      <c r="J145" s="19"/>
      <c r="K145" s="19"/>
      <c r="L145" s="19"/>
      <c r="M145" s="19"/>
      <c r="N145" s="19"/>
      <c r="O145" s="19"/>
      <c r="P145" s="19"/>
      <c r="Q145" s="20"/>
    </row>
    <row r="146" spans="1:17" ht="28.35" customHeight="1" x14ac:dyDescent="0.4">
      <c r="A146" s="54" t="s">
        <v>53</v>
      </c>
      <c r="B146" s="56"/>
      <c r="C146" s="12"/>
      <c r="D146" s="13"/>
      <c r="E146" s="13"/>
      <c r="F146" s="13"/>
      <c r="G146" s="13"/>
      <c r="H146" s="13"/>
      <c r="I146" s="13"/>
      <c r="J146" s="13"/>
      <c r="K146" s="13"/>
      <c r="L146" s="13"/>
      <c r="M146" s="13"/>
      <c r="N146" s="13"/>
      <c r="O146" s="13"/>
      <c r="P146" s="13"/>
      <c r="Q146" s="14"/>
    </row>
    <row r="147" spans="1:17" ht="28.35" customHeight="1" x14ac:dyDescent="0.4">
      <c r="A147" s="66"/>
      <c r="B147" s="67"/>
      <c r="C147" s="15"/>
      <c r="D147" s="16"/>
      <c r="E147" s="16"/>
      <c r="F147" s="16"/>
      <c r="G147" s="16"/>
      <c r="H147" s="16"/>
      <c r="I147" s="16"/>
      <c r="J147" s="16"/>
      <c r="K147" s="16"/>
      <c r="L147" s="16"/>
      <c r="M147" s="16"/>
      <c r="N147" s="16"/>
      <c r="O147" s="16"/>
      <c r="P147" s="16"/>
      <c r="Q147" s="17"/>
    </row>
    <row r="148" spans="1:17" ht="28.35" customHeight="1" x14ac:dyDescent="0.4">
      <c r="A148" s="66"/>
      <c r="B148" s="67"/>
      <c r="C148" s="15"/>
      <c r="D148" s="16"/>
      <c r="E148" s="16"/>
      <c r="F148" s="16"/>
      <c r="G148" s="16"/>
      <c r="H148" s="16"/>
      <c r="I148" s="16"/>
      <c r="J148" s="16"/>
      <c r="K148" s="16"/>
      <c r="L148" s="16"/>
      <c r="M148" s="16"/>
      <c r="N148" s="16"/>
      <c r="O148" s="16"/>
      <c r="P148" s="16"/>
      <c r="Q148" s="17"/>
    </row>
    <row r="149" spans="1:17" ht="12.95" customHeight="1" x14ac:dyDescent="0.4">
      <c r="A149" s="57"/>
      <c r="B149" s="59"/>
      <c r="C149" s="18"/>
      <c r="D149" s="19"/>
      <c r="E149" s="19"/>
      <c r="F149" s="19"/>
      <c r="G149" s="19"/>
      <c r="H149" s="19"/>
      <c r="I149" s="19"/>
      <c r="J149" s="19"/>
      <c r="K149" s="19"/>
      <c r="L149" s="19"/>
      <c r="M149" s="19"/>
      <c r="N149" s="19"/>
      <c r="O149" s="19"/>
      <c r="P149" s="19"/>
      <c r="Q149" s="20"/>
    </row>
    <row r="150" spans="1:17" ht="28.35" customHeight="1" x14ac:dyDescent="0.4">
      <c r="A150" s="54" t="s">
        <v>54</v>
      </c>
      <c r="B150" s="56"/>
      <c r="C150" s="12"/>
      <c r="D150" s="13"/>
      <c r="E150" s="13"/>
      <c r="F150" s="13"/>
      <c r="G150" s="13"/>
      <c r="H150" s="13"/>
      <c r="I150" s="13"/>
      <c r="J150" s="13"/>
      <c r="K150" s="13"/>
      <c r="L150" s="13"/>
      <c r="M150" s="13"/>
      <c r="N150" s="13"/>
      <c r="O150" s="13"/>
      <c r="P150" s="13"/>
      <c r="Q150" s="14"/>
    </row>
    <row r="151" spans="1:17" ht="28.35" customHeight="1" x14ac:dyDescent="0.4">
      <c r="A151" s="66"/>
      <c r="B151" s="67"/>
      <c r="C151" s="15"/>
      <c r="D151" s="16"/>
      <c r="E151" s="16"/>
      <c r="F151" s="16"/>
      <c r="G151" s="16"/>
      <c r="H151" s="16"/>
      <c r="I151" s="16"/>
      <c r="J151" s="16"/>
      <c r="K151" s="16"/>
      <c r="L151" s="16"/>
      <c r="M151" s="16"/>
      <c r="N151" s="16"/>
      <c r="O151" s="16"/>
      <c r="P151" s="16"/>
      <c r="Q151" s="17"/>
    </row>
    <row r="152" spans="1:17" ht="28.35" customHeight="1" x14ac:dyDescent="0.4">
      <c r="A152" s="66"/>
      <c r="B152" s="67"/>
      <c r="C152" s="15"/>
      <c r="D152" s="16"/>
      <c r="E152" s="16"/>
      <c r="F152" s="16"/>
      <c r="G152" s="16"/>
      <c r="H152" s="16"/>
      <c r="I152" s="16"/>
      <c r="J152" s="16"/>
      <c r="K152" s="16"/>
      <c r="L152" s="16"/>
      <c r="M152" s="16"/>
      <c r="N152" s="16"/>
      <c r="O152" s="16"/>
      <c r="P152" s="16"/>
      <c r="Q152" s="17"/>
    </row>
    <row r="153" spans="1:17" ht="15" customHeight="1" x14ac:dyDescent="0.4">
      <c r="A153" s="57"/>
      <c r="B153" s="59"/>
      <c r="C153" s="18"/>
      <c r="D153" s="19"/>
      <c r="E153" s="19"/>
      <c r="F153" s="19"/>
      <c r="G153" s="19"/>
      <c r="H153" s="19"/>
      <c r="I153" s="19"/>
      <c r="J153" s="19"/>
      <c r="K153" s="19"/>
      <c r="L153" s="19"/>
      <c r="M153" s="19"/>
      <c r="N153" s="19"/>
      <c r="O153" s="19"/>
      <c r="P153" s="19"/>
      <c r="Q153" s="20"/>
    </row>
    <row r="154" spans="1:17" ht="18" customHeight="1" x14ac:dyDescent="0.4">
      <c r="A154" s="5" t="s">
        <v>24</v>
      </c>
      <c r="I154" s="16"/>
    </row>
    <row r="156" spans="1:17" x14ac:dyDescent="0.4">
      <c r="A156" s="29" t="s">
        <v>97</v>
      </c>
      <c r="B156" s="5"/>
      <c r="C156" s="5"/>
      <c r="D156" s="5"/>
      <c r="E156" s="5"/>
      <c r="F156" s="5"/>
      <c r="G156" s="5"/>
      <c r="H156" s="5"/>
      <c r="I156" s="5"/>
    </row>
    <row r="157" spans="1:17" ht="28.35" customHeight="1" x14ac:dyDescent="0.4">
      <c r="A157" s="54" t="s">
        <v>32</v>
      </c>
      <c r="B157" s="56"/>
      <c r="C157" s="12"/>
      <c r="D157" s="13"/>
      <c r="E157" s="13"/>
      <c r="F157" s="13"/>
      <c r="G157" s="13"/>
      <c r="H157" s="13"/>
      <c r="I157" s="13"/>
      <c r="J157" s="13"/>
      <c r="K157" s="13"/>
      <c r="L157" s="13"/>
      <c r="M157" s="13"/>
      <c r="N157" s="13"/>
      <c r="O157" s="13"/>
      <c r="P157" s="13"/>
      <c r="Q157" s="14"/>
    </row>
    <row r="158" spans="1:17" ht="28.35" customHeight="1" x14ac:dyDescent="0.4">
      <c r="A158" s="66"/>
      <c r="B158" s="67"/>
      <c r="C158" s="15"/>
      <c r="D158" s="16"/>
      <c r="E158" s="16"/>
      <c r="F158" s="16"/>
      <c r="G158" s="16"/>
      <c r="H158" s="16"/>
      <c r="I158" s="16"/>
      <c r="J158" s="16"/>
      <c r="K158" s="16"/>
      <c r="L158" s="16"/>
      <c r="M158" s="16"/>
      <c r="N158" s="16"/>
      <c r="O158" s="16"/>
      <c r="P158" s="16"/>
      <c r="Q158" s="17"/>
    </row>
    <row r="159" spans="1:17" ht="15.95" customHeight="1" x14ac:dyDescent="0.4">
      <c r="A159" s="57"/>
      <c r="B159" s="59"/>
      <c r="C159" s="18"/>
      <c r="D159" s="19"/>
      <c r="E159" s="19"/>
      <c r="F159" s="19"/>
      <c r="G159" s="19"/>
      <c r="H159" s="19"/>
      <c r="I159" s="19"/>
      <c r="J159" s="19"/>
      <c r="K159" s="19"/>
      <c r="L159" s="19"/>
      <c r="M159" s="19"/>
      <c r="N159" s="19"/>
      <c r="O159" s="19"/>
      <c r="P159" s="19"/>
      <c r="Q159" s="20"/>
    </row>
    <row r="160" spans="1:17" ht="28.35" customHeight="1" x14ac:dyDescent="0.4">
      <c r="A160" s="54" t="s">
        <v>98</v>
      </c>
      <c r="B160" s="56"/>
      <c r="C160" s="48" t="s">
        <v>99</v>
      </c>
      <c r="D160" s="50"/>
      <c r="E160" s="49"/>
      <c r="F160" s="6"/>
      <c r="G160" s="7"/>
      <c r="H160" s="7"/>
      <c r="I160" s="7"/>
      <c r="J160" s="7"/>
      <c r="K160" s="7"/>
      <c r="L160" s="7"/>
      <c r="M160" s="7"/>
      <c r="N160" s="7"/>
      <c r="O160" s="7"/>
      <c r="P160" s="7"/>
      <c r="Q160" s="8"/>
    </row>
    <row r="161" spans="1:17" ht="28.35" customHeight="1" x14ac:dyDescent="0.4">
      <c r="A161" s="57"/>
      <c r="B161" s="59"/>
      <c r="C161" s="48" t="s">
        <v>100</v>
      </c>
      <c r="D161" s="50"/>
      <c r="E161" s="49"/>
      <c r="F161" s="6"/>
      <c r="G161" s="7"/>
      <c r="H161" s="7"/>
      <c r="I161" s="7"/>
      <c r="J161" s="7"/>
      <c r="K161" s="7"/>
      <c r="L161" s="7"/>
      <c r="M161" s="7"/>
      <c r="N161" s="7"/>
      <c r="O161" s="7"/>
      <c r="P161" s="7"/>
      <c r="Q161" s="8"/>
    </row>
    <row r="162" spans="1:17" ht="28.35" customHeight="1" x14ac:dyDescent="0.4">
      <c r="A162" s="54" t="s">
        <v>101</v>
      </c>
      <c r="B162" s="56"/>
      <c r="C162" s="83" t="s">
        <v>102</v>
      </c>
      <c r="D162" s="64"/>
      <c r="E162" s="64"/>
      <c r="F162" s="64"/>
      <c r="G162" s="64"/>
      <c r="H162" s="64"/>
      <c r="I162" s="64"/>
      <c r="J162" s="64"/>
      <c r="K162" s="64"/>
      <c r="L162" s="64"/>
      <c r="M162" s="64"/>
      <c r="N162" s="64"/>
      <c r="O162" s="64"/>
      <c r="P162" s="64"/>
      <c r="Q162" s="65"/>
    </row>
    <row r="163" spans="1:17" ht="18" customHeight="1" x14ac:dyDescent="0.4">
      <c r="A163" s="57"/>
      <c r="B163" s="59"/>
      <c r="C163" s="60"/>
      <c r="D163" s="61"/>
      <c r="E163" s="61"/>
      <c r="F163" s="61"/>
      <c r="G163" s="61"/>
      <c r="H163" s="61"/>
      <c r="I163" s="61"/>
      <c r="J163" s="61"/>
      <c r="K163" s="61"/>
      <c r="L163" s="61"/>
      <c r="M163" s="61"/>
      <c r="N163" s="61"/>
      <c r="O163" s="61"/>
      <c r="P163" s="61"/>
      <c r="Q163" s="62"/>
    </row>
    <row r="164" spans="1:17" ht="39.75" customHeight="1" x14ac:dyDescent="0.4">
      <c r="A164" s="89" t="s">
        <v>110</v>
      </c>
      <c r="B164" s="56"/>
      <c r="C164" s="51" t="s">
        <v>103</v>
      </c>
      <c r="D164" s="52"/>
      <c r="E164" s="52"/>
      <c r="F164" s="53"/>
      <c r="G164" s="88" t="s">
        <v>108</v>
      </c>
      <c r="H164" s="52"/>
      <c r="I164" s="52"/>
      <c r="J164" s="52"/>
      <c r="K164" s="52"/>
      <c r="L164" s="52"/>
      <c r="M164" s="52"/>
      <c r="N164" s="52"/>
      <c r="O164" s="52"/>
      <c r="P164" s="52"/>
      <c r="Q164" s="53"/>
    </row>
    <row r="165" spans="1:17" ht="39.75" customHeight="1" x14ac:dyDescent="0.4">
      <c r="A165" s="66"/>
      <c r="B165" s="67"/>
      <c r="C165" s="51" t="s">
        <v>104</v>
      </c>
      <c r="D165" s="52"/>
      <c r="E165" s="52"/>
      <c r="F165" s="53"/>
      <c r="G165" s="99" t="s">
        <v>107</v>
      </c>
      <c r="H165" s="100"/>
      <c r="I165" s="100"/>
      <c r="J165" s="100"/>
      <c r="K165" s="100"/>
      <c r="L165" s="100"/>
      <c r="M165" s="100"/>
      <c r="N165" s="100"/>
      <c r="O165" s="100"/>
      <c r="P165" s="100"/>
      <c r="Q165" s="101"/>
    </row>
    <row r="166" spans="1:17" ht="39.75" customHeight="1" x14ac:dyDescent="0.4">
      <c r="A166" s="66"/>
      <c r="B166" s="67"/>
      <c r="C166" s="51" t="s">
        <v>105</v>
      </c>
      <c r="D166" s="52"/>
      <c r="E166" s="52"/>
      <c r="F166" s="53"/>
      <c r="G166" s="51" t="s">
        <v>109</v>
      </c>
      <c r="H166" s="52"/>
      <c r="I166" s="52"/>
      <c r="J166" s="52"/>
      <c r="K166" s="52"/>
      <c r="L166" s="52"/>
      <c r="M166" s="52"/>
      <c r="N166" s="52"/>
      <c r="O166" s="52"/>
      <c r="P166" s="52"/>
      <c r="Q166" s="53"/>
    </row>
    <row r="167" spans="1:17" ht="37.5" customHeight="1" x14ac:dyDescent="0.4">
      <c r="A167" s="57"/>
      <c r="B167" s="59"/>
      <c r="C167" s="51" t="s">
        <v>106</v>
      </c>
      <c r="D167" s="52"/>
      <c r="E167" s="52"/>
      <c r="F167" s="53"/>
      <c r="G167" s="51"/>
      <c r="H167" s="52"/>
      <c r="I167" s="52"/>
      <c r="J167" s="52"/>
      <c r="K167" s="52"/>
      <c r="L167" s="52"/>
      <c r="M167" s="52"/>
      <c r="N167" s="52"/>
      <c r="O167" s="52"/>
      <c r="P167" s="52"/>
      <c r="Q167" s="53"/>
    </row>
    <row r="168" spans="1:17" ht="28.35" customHeight="1" x14ac:dyDescent="0.4">
      <c r="A168" s="83" t="s">
        <v>111</v>
      </c>
      <c r="B168" s="65"/>
      <c r="C168" s="12"/>
      <c r="D168" s="13"/>
      <c r="E168" s="13"/>
      <c r="F168" s="13"/>
      <c r="G168" s="13"/>
      <c r="H168" s="13"/>
      <c r="I168" s="13"/>
      <c r="J168" s="13"/>
      <c r="K168" s="13"/>
      <c r="L168" s="13"/>
      <c r="M168" s="13"/>
      <c r="N168" s="13"/>
      <c r="O168" s="13"/>
      <c r="P168" s="13"/>
      <c r="Q168" s="14"/>
    </row>
    <row r="169" spans="1:17" ht="28.35" customHeight="1" x14ac:dyDescent="0.4">
      <c r="A169" s="84"/>
      <c r="B169" s="85"/>
      <c r="C169" s="15"/>
      <c r="D169" s="16"/>
      <c r="E169" s="16"/>
      <c r="F169" s="16"/>
      <c r="G169" s="16"/>
      <c r="H169" s="16"/>
      <c r="I169" s="16"/>
      <c r="J169" s="16"/>
      <c r="K169" s="16"/>
      <c r="L169" s="16"/>
      <c r="M169" s="16"/>
      <c r="N169" s="16"/>
      <c r="O169" s="16"/>
      <c r="P169" s="16"/>
      <c r="Q169" s="17"/>
    </row>
    <row r="170" spans="1:17" ht="28.35" customHeight="1" x14ac:dyDescent="0.4">
      <c r="A170" s="84"/>
      <c r="B170" s="85"/>
      <c r="C170" s="15"/>
      <c r="D170" s="16"/>
      <c r="E170" s="16"/>
      <c r="F170" s="16"/>
      <c r="G170" s="16"/>
      <c r="H170" s="16"/>
      <c r="I170" s="16"/>
      <c r="J170" s="16"/>
      <c r="K170" s="16"/>
      <c r="L170" s="16"/>
      <c r="M170" s="16"/>
      <c r="N170" s="16"/>
      <c r="O170" s="16"/>
      <c r="P170" s="16"/>
      <c r="Q170" s="17"/>
    </row>
    <row r="171" spans="1:17" ht="12.6" customHeight="1" x14ac:dyDescent="0.4">
      <c r="A171" s="60"/>
      <c r="B171" s="62"/>
      <c r="C171" s="18"/>
      <c r="D171" s="19"/>
      <c r="E171" s="19"/>
      <c r="F171" s="19"/>
      <c r="G171" s="19"/>
      <c r="H171" s="19"/>
      <c r="I171" s="19"/>
      <c r="J171" s="19"/>
      <c r="K171" s="19"/>
      <c r="L171" s="19"/>
      <c r="M171" s="19"/>
      <c r="N171" s="19"/>
      <c r="O171" s="19"/>
      <c r="P171" s="19"/>
      <c r="Q171" s="20"/>
    </row>
    <row r="172" spans="1:17" ht="28.35" customHeight="1" x14ac:dyDescent="0.4">
      <c r="A172" s="54" t="s">
        <v>54</v>
      </c>
      <c r="B172" s="56"/>
      <c r="C172" s="90" t="s">
        <v>112</v>
      </c>
      <c r="D172" s="102"/>
      <c r="E172" s="102"/>
      <c r="F172" s="102"/>
      <c r="G172" s="102"/>
      <c r="H172" s="102"/>
      <c r="I172" s="102"/>
      <c r="J172" s="102"/>
      <c r="K172" s="102"/>
      <c r="L172" s="102"/>
      <c r="M172" s="102"/>
      <c r="N172" s="102"/>
      <c r="O172" s="102"/>
      <c r="P172" s="102"/>
      <c r="Q172" s="103"/>
    </row>
    <row r="173" spans="1:17" ht="28.35" customHeight="1" x14ac:dyDescent="0.4">
      <c r="A173" s="66"/>
      <c r="B173" s="67"/>
      <c r="C173" s="104"/>
      <c r="D173" s="105"/>
      <c r="E173" s="105"/>
      <c r="F173" s="105"/>
      <c r="G173" s="105"/>
      <c r="H173" s="105"/>
      <c r="I173" s="105"/>
      <c r="J173" s="105"/>
      <c r="K173" s="105"/>
      <c r="L173" s="105"/>
      <c r="M173" s="105"/>
      <c r="N173" s="105"/>
      <c r="O173" s="105"/>
      <c r="P173" s="105"/>
      <c r="Q173" s="106"/>
    </row>
    <row r="174" spans="1:17" ht="28.35" customHeight="1" x14ac:dyDescent="0.4">
      <c r="A174" s="66"/>
      <c r="B174" s="67"/>
      <c r="C174" s="104"/>
      <c r="D174" s="105"/>
      <c r="E174" s="105"/>
      <c r="F174" s="105"/>
      <c r="G174" s="105"/>
      <c r="H174" s="105"/>
      <c r="I174" s="105"/>
      <c r="J174" s="105"/>
      <c r="K174" s="105"/>
      <c r="L174" s="105"/>
      <c r="M174" s="105"/>
      <c r="N174" s="105"/>
      <c r="O174" s="105"/>
      <c r="P174" s="105"/>
      <c r="Q174" s="106"/>
    </row>
    <row r="175" spans="1:17" ht="28.35" customHeight="1" x14ac:dyDescent="0.4">
      <c r="A175" s="66"/>
      <c r="B175" s="67"/>
      <c r="C175" s="104"/>
      <c r="D175" s="105"/>
      <c r="E175" s="105"/>
      <c r="F175" s="105"/>
      <c r="G175" s="105"/>
      <c r="H175" s="105"/>
      <c r="I175" s="105"/>
      <c r="J175" s="105"/>
      <c r="K175" s="105"/>
      <c r="L175" s="105"/>
      <c r="M175" s="105"/>
      <c r="N175" s="105"/>
      <c r="O175" s="105"/>
      <c r="P175" s="105"/>
      <c r="Q175" s="106"/>
    </row>
    <row r="176" spans="1:17" ht="28.35" customHeight="1" x14ac:dyDescent="0.4">
      <c r="A176" s="66"/>
      <c r="B176" s="67"/>
      <c r="C176" s="104"/>
      <c r="D176" s="105"/>
      <c r="E176" s="105"/>
      <c r="F176" s="105"/>
      <c r="G176" s="105"/>
      <c r="H176" s="105"/>
      <c r="I176" s="105"/>
      <c r="J176" s="105"/>
      <c r="K176" s="105"/>
      <c r="L176" s="105"/>
      <c r="M176" s="105"/>
      <c r="N176" s="105"/>
      <c r="O176" s="105"/>
      <c r="P176" s="105"/>
      <c r="Q176" s="106"/>
    </row>
    <row r="177" spans="1:17" ht="28.35" customHeight="1" x14ac:dyDescent="0.4">
      <c r="A177" s="66"/>
      <c r="B177" s="67"/>
      <c r="C177" s="104"/>
      <c r="D177" s="105"/>
      <c r="E177" s="105"/>
      <c r="F177" s="105"/>
      <c r="G177" s="105"/>
      <c r="H177" s="105"/>
      <c r="I177" s="105"/>
      <c r="J177" s="105"/>
      <c r="K177" s="105"/>
      <c r="L177" s="105"/>
      <c r="M177" s="105"/>
      <c r="N177" s="105"/>
      <c r="O177" s="105"/>
      <c r="P177" s="105"/>
      <c r="Q177" s="106"/>
    </row>
    <row r="178" spans="1:17" ht="28.35" customHeight="1" x14ac:dyDescent="0.4">
      <c r="A178" s="57"/>
      <c r="B178" s="59"/>
      <c r="C178" s="107"/>
      <c r="D178" s="108"/>
      <c r="E178" s="108"/>
      <c r="F178" s="108"/>
      <c r="G178" s="108"/>
      <c r="H178" s="108"/>
      <c r="I178" s="108"/>
      <c r="J178" s="108"/>
      <c r="K178" s="108"/>
      <c r="L178" s="108"/>
      <c r="M178" s="108"/>
      <c r="N178" s="108"/>
      <c r="O178" s="108"/>
      <c r="P178" s="108"/>
      <c r="Q178" s="109"/>
    </row>
    <row r="179" spans="1:17" ht="17.45" customHeight="1" x14ac:dyDescent="0.4">
      <c r="A179" s="5" t="s">
        <v>25</v>
      </c>
      <c r="I179" s="16"/>
    </row>
    <row r="181" spans="1:17" x14ac:dyDescent="0.4">
      <c r="A181" s="29" t="s">
        <v>113</v>
      </c>
      <c r="B181" s="5"/>
      <c r="C181" s="5"/>
      <c r="D181" s="5"/>
      <c r="E181" s="5"/>
      <c r="F181" s="5"/>
      <c r="G181" s="5"/>
      <c r="H181" s="5"/>
      <c r="I181" s="5"/>
    </row>
    <row r="182" spans="1:17" ht="28.35" customHeight="1" x14ac:dyDescent="0.4">
      <c r="A182" s="54" t="s">
        <v>73</v>
      </c>
      <c r="B182" s="56"/>
      <c r="C182" s="21"/>
      <c r="D182" s="23"/>
      <c r="E182" s="23"/>
      <c r="F182" s="23"/>
      <c r="G182" s="23"/>
      <c r="H182" s="23"/>
      <c r="I182" s="23"/>
      <c r="J182" s="23"/>
      <c r="K182" s="23"/>
      <c r="L182" s="23"/>
      <c r="M182" s="23"/>
      <c r="N182" s="23"/>
      <c r="O182" s="23"/>
      <c r="P182" s="23"/>
      <c r="Q182" s="22"/>
    </row>
    <row r="183" spans="1:17" ht="28.35" customHeight="1" x14ac:dyDescent="0.4">
      <c r="A183" s="66"/>
      <c r="B183" s="67"/>
      <c r="C183" s="24"/>
      <c r="D183" s="26"/>
      <c r="E183" s="26"/>
      <c r="F183" s="26"/>
      <c r="G183" s="26"/>
      <c r="H183" s="26"/>
      <c r="I183" s="26"/>
      <c r="J183" s="26"/>
      <c r="K183" s="26"/>
      <c r="L183" s="26"/>
      <c r="M183" s="26"/>
      <c r="N183" s="26"/>
      <c r="O183" s="26"/>
      <c r="P183" s="26"/>
      <c r="Q183" s="25"/>
    </row>
    <row r="184" spans="1:17" ht="28.35" customHeight="1" x14ac:dyDescent="0.4">
      <c r="A184" s="66"/>
      <c r="B184" s="67"/>
      <c r="C184" s="24"/>
      <c r="D184" s="26"/>
      <c r="E184" s="26"/>
      <c r="F184" s="26"/>
      <c r="G184" s="26"/>
      <c r="H184" s="26"/>
      <c r="I184" s="26"/>
      <c r="J184" s="26"/>
      <c r="K184" s="26"/>
      <c r="L184" s="26"/>
      <c r="M184" s="26"/>
      <c r="N184" s="26"/>
      <c r="O184" s="26"/>
      <c r="P184" s="26"/>
      <c r="Q184" s="25"/>
    </row>
    <row r="185" spans="1:17" ht="15" customHeight="1" x14ac:dyDescent="0.4">
      <c r="A185" s="66"/>
      <c r="B185" s="67"/>
      <c r="C185" s="27"/>
      <c r="D185" s="30"/>
      <c r="E185" s="30"/>
      <c r="F185" s="30"/>
      <c r="G185" s="30"/>
      <c r="H185" s="30"/>
      <c r="I185" s="30"/>
      <c r="J185" s="30"/>
      <c r="K185" s="30"/>
      <c r="L185" s="30"/>
      <c r="M185" s="30"/>
      <c r="N185" s="30"/>
      <c r="O185" s="30"/>
      <c r="P185" s="30"/>
      <c r="Q185" s="28"/>
    </row>
    <row r="186" spans="1:17" ht="28.35" customHeight="1" x14ac:dyDescent="0.4">
      <c r="A186" s="66"/>
      <c r="B186" s="67"/>
      <c r="C186" s="83" t="s">
        <v>114</v>
      </c>
      <c r="D186" s="64"/>
      <c r="E186" s="64"/>
      <c r="F186" s="64"/>
      <c r="G186" s="64"/>
      <c r="H186" s="64"/>
      <c r="I186" s="64"/>
      <c r="J186" s="64"/>
      <c r="K186" s="64"/>
      <c r="L186" s="64"/>
      <c r="M186" s="64"/>
      <c r="N186" s="64"/>
      <c r="O186" s="64"/>
      <c r="P186" s="64"/>
      <c r="Q186" s="65"/>
    </row>
    <row r="187" spans="1:17" ht="28.35" customHeight="1" x14ac:dyDescent="0.4">
      <c r="A187" s="66"/>
      <c r="B187" s="67"/>
      <c r="C187" s="60"/>
      <c r="D187" s="61"/>
      <c r="E187" s="61"/>
      <c r="F187" s="61"/>
      <c r="G187" s="61"/>
      <c r="H187" s="61"/>
      <c r="I187" s="61"/>
      <c r="J187" s="61"/>
      <c r="K187" s="61"/>
      <c r="L187" s="61"/>
      <c r="M187" s="61"/>
      <c r="N187" s="61"/>
      <c r="O187" s="61"/>
      <c r="P187" s="61"/>
      <c r="Q187" s="62"/>
    </row>
    <row r="188" spans="1:17" ht="44.1" customHeight="1" x14ac:dyDescent="0.4">
      <c r="A188" s="57"/>
      <c r="B188" s="59"/>
      <c r="C188" s="88" t="s">
        <v>115</v>
      </c>
      <c r="D188" s="52"/>
      <c r="E188" s="52"/>
      <c r="F188" s="52"/>
      <c r="G188" s="52"/>
      <c r="H188" s="52"/>
      <c r="I188" s="52"/>
      <c r="J188" s="52"/>
      <c r="K188" s="52"/>
      <c r="L188" s="52"/>
      <c r="M188" s="52"/>
      <c r="N188" s="52"/>
      <c r="O188" s="52"/>
      <c r="P188" s="52"/>
      <c r="Q188" s="53"/>
    </row>
    <row r="189" spans="1:17" ht="28.35" customHeight="1" x14ac:dyDescent="0.4">
      <c r="A189" s="89" t="s">
        <v>116</v>
      </c>
      <c r="B189" s="56"/>
      <c r="C189" s="12"/>
      <c r="D189" s="13"/>
      <c r="E189" s="13"/>
      <c r="F189" s="13"/>
      <c r="G189" s="13"/>
      <c r="H189" s="13"/>
      <c r="I189" s="13"/>
      <c r="J189" s="13"/>
      <c r="K189" s="13"/>
      <c r="L189" s="13"/>
      <c r="M189" s="13"/>
      <c r="N189" s="13"/>
      <c r="O189" s="13"/>
      <c r="P189" s="13"/>
      <c r="Q189" s="14"/>
    </row>
    <row r="190" spans="1:17" ht="28.35" customHeight="1" x14ac:dyDescent="0.4">
      <c r="A190" s="66"/>
      <c r="B190" s="67"/>
      <c r="C190" s="15"/>
      <c r="D190" s="16"/>
      <c r="E190" s="16"/>
      <c r="F190" s="16"/>
      <c r="G190" s="16"/>
      <c r="H190" s="16"/>
      <c r="I190" s="16"/>
      <c r="J190" s="16"/>
      <c r="K190" s="16"/>
      <c r="L190" s="16"/>
      <c r="M190" s="16"/>
      <c r="N190" s="16"/>
      <c r="O190" s="16"/>
      <c r="P190" s="16"/>
      <c r="Q190" s="17"/>
    </row>
    <row r="191" spans="1:17" ht="28.35" customHeight="1" x14ac:dyDescent="0.4">
      <c r="A191" s="66"/>
      <c r="B191" s="67"/>
      <c r="C191" s="15"/>
      <c r="D191" s="16"/>
      <c r="E191" s="16"/>
      <c r="F191" s="16"/>
      <c r="G191" s="16"/>
      <c r="H191" s="16"/>
      <c r="I191" s="16"/>
      <c r="J191" s="16"/>
      <c r="K191" s="16"/>
      <c r="L191" s="16"/>
      <c r="M191" s="16"/>
      <c r="N191" s="16"/>
      <c r="O191" s="16"/>
      <c r="P191" s="16"/>
      <c r="Q191" s="17"/>
    </row>
    <row r="192" spans="1:17" ht="28.35" customHeight="1" x14ac:dyDescent="0.4">
      <c r="A192" s="66"/>
      <c r="B192" s="67"/>
      <c r="C192" s="15"/>
      <c r="D192" s="16"/>
      <c r="E192" s="16"/>
      <c r="F192" s="16"/>
      <c r="G192" s="16"/>
      <c r="H192" s="16"/>
      <c r="I192" s="16"/>
      <c r="J192" s="16"/>
      <c r="K192" s="16"/>
      <c r="L192" s="16"/>
      <c r="M192" s="16"/>
      <c r="N192" s="16"/>
      <c r="O192" s="16"/>
      <c r="P192" s="16"/>
      <c r="Q192" s="17"/>
    </row>
    <row r="193" spans="1:17" ht="28.35" customHeight="1" x14ac:dyDescent="0.4">
      <c r="A193" s="66"/>
      <c r="B193" s="67"/>
      <c r="C193" s="15"/>
      <c r="D193" s="16"/>
      <c r="E193" s="16"/>
      <c r="F193" s="16"/>
      <c r="G193" s="16"/>
      <c r="H193" s="16"/>
      <c r="I193" s="16"/>
      <c r="J193" s="16"/>
      <c r="K193" s="16"/>
      <c r="L193" s="16"/>
      <c r="M193" s="16"/>
      <c r="N193" s="16"/>
      <c r="O193" s="16"/>
      <c r="P193" s="16"/>
      <c r="Q193" s="17"/>
    </row>
    <row r="194" spans="1:17" ht="28.35" customHeight="1" x14ac:dyDescent="0.4">
      <c r="A194" s="66"/>
      <c r="B194" s="67"/>
      <c r="C194" s="15"/>
      <c r="D194" s="16"/>
      <c r="E194" s="16"/>
      <c r="F194" s="16"/>
      <c r="G194" s="16"/>
      <c r="H194" s="16"/>
      <c r="I194" s="16"/>
      <c r="J194" s="16"/>
      <c r="K194" s="16"/>
      <c r="L194" s="16"/>
      <c r="M194" s="16"/>
      <c r="N194" s="16"/>
      <c r="O194" s="16"/>
      <c r="P194" s="16"/>
      <c r="Q194" s="17"/>
    </row>
    <row r="195" spans="1:17" ht="28.35" customHeight="1" x14ac:dyDescent="0.4">
      <c r="A195" s="57"/>
      <c r="B195" s="59"/>
      <c r="C195" s="18"/>
      <c r="D195" s="19"/>
      <c r="E195" s="19"/>
      <c r="F195" s="19"/>
      <c r="G195" s="19"/>
      <c r="H195" s="19"/>
      <c r="I195" s="19"/>
      <c r="J195" s="19"/>
      <c r="K195" s="19"/>
      <c r="L195" s="19"/>
      <c r="M195" s="19"/>
      <c r="N195" s="19"/>
      <c r="O195" s="19"/>
      <c r="P195" s="19"/>
      <c r="Q195" s="20"/>
    </row>
    <row r="196" spans="1:17" ht="28.35" customHeight="1" x14ac:dyDescent="0.4">
      <c r="A196" s="54" t="s">
        <v>54</v>
      </c>
      <c r="B196" s="56"/>
      <c r="C196" s="12"/>
      <c r="D196" s="13"/>
      <c r="E196" s="13"/>
      <c r="F196" s="13"/>
      <c r="G196" s="13"/>
      <c r="H196" s="13"/>
      <c r="I196" s="13"/>
      <c r="J196" s="13"/>
      <c r="K196" s="13"/>
      <c r="L196" s="13"/>
      <c r="M196" s="13"/>
      <c r="N196" s="13"/>
      <c r="O196" s="13"/>
      <c r="P196" s="13"/>
      <c r="Q196" s="14"/>
    </row>
    <row r="197" spans="1:17" ht="28.35" customHeight="1" x14ac:dyDescent="0.4">
      <c r="A197" s="66"/>
      <c r="B197" s="67"/>
      <c r="C197" s="15"/>
      <c r="D197" s="16"/>
      <c r="E197" s="16"/>
      <c r="F197" s="16"/>
      <c r="G197" s="16"/>
      <c r="H197" s="16"/>
      <c r="I197" s="16"/>
      <c r="J197" s="16"/>
      <c r="K197" s="16"/>
      <c r="L197" s="16"/>
      <c r="M197" s="16"/>
      <c r="N197" s="16"/>
      <c r="O197" s="16"/>
      <c r="P197" s="16"/>
      <c r="Q197" s="17"/>
    </row>
    <row r="198" spans="1:17" ht="28.35" customHeight="1" x14ac:dyDescent="0.4">
      <c r="A198" s="66"/>
      <c r="B198" s="67"/>
      <c r="C198" s="15"/>
      <c r="D198" s="16"/>
      <c r="E198" s="16"/>
      <c r="F198" s="16"/>
      <c r="G198" s="16"/>
      <c r="H198" s="16"/>
      <c r="I198" s="16"/>
      <c r="J198" s="16"/>
      <c r="K198" s="16"/>
      <c r="L198" s="16"/>
      <c r="M198" s="16"/>
      <c r="N198" s="16"/>
      <c r="O198" s="16"/>
      <c r="P198" s="16"/>
      <c r="Q198" s="17"/>
    </row>
    <row r="199" spans="1:17" ht="28.35" customHeight="1" x14ac:dyDescent="0.4">
      <c r="A199" s="66"/>
      <c r="B199" s="67"/>
      <c r="C199" s="15"/>
      <c r="D199" s="16"/>
      <c r="E199" s="16"/>
      <c r="F199" s="16"/>
      <c r="G199" s="16"/>
      <c r="H199" s="16"/>
      <c r="I199" s="16"/>
      <c r="J199" s="16"/>
      <c r="K199" s="16"/>
      <c r="L199" s="16"/>
      <c r="M199" s="16"/>
      <c r="N199" s="16"/>
      <c r="O199" s="16"/>
      <c r="P199" s="16"/>
      <c r="Q199" s="17"/>
    </row>
    <row r="200" spans="1:17" ht="28.35" customHeight="1" x14ac:dyDescent="0.4">
      <c r="A200" s="66"/>
      <c r="B200" s="67"/>
      <c r="C200" s="15"/>
      <c r="D200" s="16"/>
      <c r="E200" s="16"/>
      <c r="F200" s="16"/>
      <c r="G200" s="16"/>
      <c r="H200" s="16"/>
      <c r="I200" s="16"/>
      <c r="J200" s="16"/>
      <c r="K200" s="16"/>
      <c r="L200" s="16"/>
      <c r="M200" s="16"/>
      <c r="N200" s="16"/>
      <c r="O200" s="16"/>
      <c r="P200" s="16"/>
      <c r="Q200" s="17"/>
    </row>
    <row r="201" spans="1:17" ht="28.35" customHeight="1" x14ac:dyDescent="0.4">
      <c r="A201" s="66"/>
      <c r="B201" s="67"/>
      <c r="C201" s="15"/>
      <c r="D201" s="16"/>
      <c r="E201" s="16"/>
      <c r="F201" s="16"/>
      <c r="G201" s="16"/>
      <c r="H201" s="16"/>
      <c r="I201" s="16"/>
      <c r="J201" s="16"/>
      <c r="K201" s="16"/>
      <c r="L201" s="16"/>
      <c r="M201" s="16"/>
      <c r="N201" s="16"/>
      <c r="O201" s="16"/>
      <c r="P201" s="16"/>
      <c r="Q201" s="17"/>
    </row>
    <row r="202" spans="1:17" ht="28.35" customHeight="1" x14ac:dyDescent="0.4">
      <c r="A202" s="57"/>
      <c r="B202" s="59"/>
      <c r="C202" s="18"/>
      <c r="D202" s="19"/>
      <c r="E202" s="19"/>
      <c r="F202" s="19"/>
      <c r="G202" s="19"/>
      <c r="H202" s="19"/>
      <c r="I202" s="19"/>
      <c r="J202" s="19"/>
      <c r="K202" s="19"/>
      <c r="L202" s="19"/>
      <c r="M202" s="19"/>
      <c r="N202" s="19"/>
      <c r="O202" s="19"/>
      <c r="P202" s="19"/>
      <c r="Q202" s="20"/>
    </row>
    <row r="203" spans="1:17" ht="18.95" customHeight="1" x14ac:dyDescent="0.4">
      <c r="A203" s="5" t="s">
        <v>26</v>
      </c>
    </row>
    <row r="205" spans="1:17" x14ac:dyDescent="0.4">
      <c r="A205" s="29" t="s">
        <v>117</v>
      </c>
      <c r="B205" s="5"/>
      <c r="C205" s="5"/>
      <c r="D205" s="5"/>
      <c r="E205" s="5"/>
      <c r="F205" s="5"/>
      <c r="G205" s="5"/>
      <c r="H205" s="5"/>
      <c r="I205" s="5"/>
    </row>
    <row r="206" spans="1:17" ht="28.35" customHeight="1" x14ac:dyDescent="0.4">
      <c r="A206" s="54" t="s">
        <v>32</v>
      </c>
      <c r="B206" s="56"/>
      <c r="C206" s="12"/>
      <c r="D206" s="13"/>
      <c r="E206" s="13"/>
      <c r="F206" s="13"/>
      <c r="G206" s="13"/>
      <c r="H206" s="13"/>
      <c r="I206" s="13"/>
      <c r="J206" s="13"/>
      <c r="K206" s="13"/>
      <c r="L206" s="13"/>
      <c r="M206" s="13"/>
      <c r="N206" s="13"/>
      <c r="O206" s="13"/>
      <c r="P206" s="13"/>
      <c r="Q206" s="14"/>
    </row>
    <row r="207" spans="1:17" ht="28.35" customHeight="1" x14ac:dyDescent="0.4">
      <c r="A207" s="66"/>
      <c r="B207" s="67"/>
      <c r="C207" s="15"/>
      <c r="D207" s="16"/>
      <c r="E207" s="16"/>
      <c r="F207" s="16"/>
      <c r="G207" s="16"/>
      <c r="H207" s="16"/>
      <c r="I207" s="16"/>
      <c r="J207" s="16"/>
      <c r="K207" s="16"/>
      <c r="L207" s="16"/>
      <c r="M207" s="16"/>
      <c r="N207" s="16"/>
      <c r="O207" s="16"/>
      <c r="P207" s="16"/>
      <c r="Q207" s="17"/>
    </row>
    <row r="208" spans="1:17" ht="28.35" customHeight="1" x14ac:dyDescent="0.4">
      <c r="A208" s="66"/>
      <c r="B208" s="67"/>
      <c r="C208" s="15"/>
      <c r="D208" s="16"/>
      <c r="E208" s="16"/>
      <c r="F208" s="16"/>
      <c r="G208" s="16"/>
      <c r="H208" s="16"/>
      <c r="I208" s="16"/>
      <c r="J208" s="16"/>
      <c r="K208" s="16"/>
      <c r="L208" s="16"/>
      <c r="M208" s="16"/>
      <c r="N208" s="16"/>
      <c r="O208" s="16"/>
      <c r="P208" s="16"/>
      <c r="Q208" s="17"/>
    </row>
    <row r="209" spans="1:17" ht="28.35" customHeight="1" x14ac:dyDescent="0.4">
      <c r="A209" s="66"/>
      <c r="B209" s="67"/>
      <c r="C209" s="15"/>
      <c r="D209" s="16"/>
      <c r="E209" s="16"/>
      <c r="F209" s="16"/>
      <c r="G209" s="16"/>
      <c r="H209" s="16"/>
      <c r="I209" s="16"/>
      <c r="J209" s="16"/>
      <c r="K209" s="16"/>
      <c r="L209" s="16"/>
      <c r="M209" s="16"/>
      <c r="N209" s="16"/>
      <c r="O209" s="16"/>
      <c r="P209" s="16"/>
      <c r="Q209" s="17"/>
    </row>
    <row r="210" spans="1:17" ht="28.35" customHeight="1" x14ac:dyDescent="0.4">
      <c r="A210" s="66"/>
      <c r="B210" s="67"/>
      <c r="C210" s="15"/>
      <c r="D210" s="16"/>
      <c r="E210" s="16"/>
      <c r="F210" s="16"/>
      <c r="G210" s="16"/>
      <c r="H210" s="16"/>
      <c r="I210" s="16"/>
      <c r="J210" s="16"/>
      <c r="K210" s="16"/>
      <c r="L210" s="16"/>
      <c r="M210" s="16"/>
      <c r="N210" s="16"/>
      <c r="O210" s="16"/>
      <c r="P210" s="16"/>
      <c r="Q210" s="17"/>
    </row>
    <row r="211" spans="1:17" ht="28.35" customHeight="1" x14ac:dyDescent="0.4">
      <c r="A211" s="66"/>
      <c r="B211" s="67"/>
      <c r="C211" s="15"/>
      <c r="D211" s="16"/>
      <c r="E211" s="16"/>
      <c r="F211" s="16"/>
      <c r="G211" s="16"/>
      <c r="H211" s="16"/>
      <c r="I211" s="16"/>
      <c r="J211" s="16"/>
      <c r="K211" s="16"/>
      <c r="L211" s="16"/>
      <c r="M211" s="16"/>
      <c r="N211" s="16"/>
      <c r="O211" s="16"/>
      <c r="P211" s="16"/>
      <c r="Q211" s="17"/>
    </row>
    <row r="212" spans="1:17" ht="28.35" customHeight="1" x14ac:dyDescent="0.4">
      <c r="A212" s="57"/>
      <c r="B212" s="59"/>
      <c r="C212" s="18"/>
      <c r="D212" s="19"/>
      <c r="E212" s="19"/>
      <c r="F212" s="19"/>
      <c r="G212" s="19"/>
      <c r="H212" s="19"/>
      <c r="I212" s="19"/>
      <c r="J212" s="19"/>
      <c r="K212" s="19"/>
      <c r="L212" s="19"/>
      <c r="M212" s="19"/>
      <c r="N212" s="19"/>
      <c r="O212" s="19"/>
      <c r="P212" s="19"/>
      <c r="Q212" s="20"/>
    </row>
    <row r="213" spans="1:17" ht="28.35" customHeight="1" x14ac:dyDescent="0.4">
      <c r="A213" s="54" t="s">
        <v>53</v>
      </c>
      <c r="B213" s="56"/>
      <c r="C213" s="12"/>
      <c r="D213" s="13"/>
      <c r="E213" s="13"/>
      <c r="F213" s="13"/>
      <c r="G213" s="13"/>
      <c r="H213" s="13"/>
      <c r="I213" s="13"/>
      <c r="J213" s="13"/>
      <c r="K213" s="13"/>
      <c r="L213" s="13"/>
      <c r="M213" s="13"/>
      <c r="N213" s="13"/>
      <c r="O213" s="13"/>
      <c r="P213" s="13"/>
      <c r="Q213" s="14"/>
    </row>
    <row r="214" spans="1:17" ht="28.35" customHeight="1" x14ac:dyDescent="0.4">
      <c r="A214" s="66"/>
      <c r="B214" s="67"/>
      <c r="C214" s="15"/>
      <c r="D214" s="16"/>
      <c r="E214" s="16"/>
      <c r="F214" s="16"/>
      <c r="G214" s="16"/>
      <c r="H214" s="16"/>
      <c r="I214" s="16"/>
      <c r="J214" s="16"/>
      <c r="K214" s="16"/>
      <c r="L214" s="16"/>
      <c r="M214" s="16"/>
      <c r="N214" s="16"/>
      <c r="O214" s="16"/>
      <c r="P214" s="16"/>
      <c r="Q214" s="17"/>
    </row>
    <row r="215" spans="1:17" ht="28.35" customHeight="1" x14ac:dyDescent="0.4">
      <c r="A215" s="66"/>
      <c r="B215" s="67"/>
      <c r="C215" s="15"/>
      <c r="D215" s="16"/>
      <c r="E215" s="16"/>
      <c r="F215" s="16"/>
      <c r="G215" s="16"/>
      <c r="H215" s="16"/>
      <c r="I215" s="16"/>
      <c r="J215" s="16"/>
      <c r="K215" s="16"/>
      <c r="L215" s="16"/>
      <c r="M215" s="16"/>
      <c r="N215" s="16"/>
      <c r="O215" s="16"/>
      <c r="P215" s="16"/>
      <c r="Q215" s="17"/>
    </row>
    <row r="216" spans="1:17" ht="28.35" customHeight="1" x14ac:dyDescent="0.4">
      <c r="A216" s="66"/>
      <c r="B216" s="67"/>
      <c r="C216" s="15"/>
      <c r="D216" s="16"/>
      <c r="E216" s="16"/>
      <c r="F216" s="16"/>
      <c r="G216" s="16"/>
      <c r="H216" s="16"/>
      <c r="I216" s="16"/>
      <c r="J216" s="16"/>
      <c r="K216" s="16"/>
      <c r="L216" s="16"/>
      <c r="M216" s="16"/>
      <c r="N216" s="16"/>
      <c r="O216" s="16"/>
      <c r="P216" s="16"/>
      <c r="Q216" s="17"/>
    </row>
    <row r="217" spans="1:17" ht="28.35" customHeight="1" x14ac:dyDescent="0.4">
      <c r="A217" s="66"/>
      <c r="B217" s="67"/>
      <c r="C217" s="15"/>
      <c r="D217" s="16"/>
      <c r="E217" s="16"/>
      <c r="F217" s="16"/>
      <c r="G217" s="16"/>
      <c r="H217" s="16"/>
      <c r="I217" s="16"/>
      <c r="J217" s="16"/>
      <c r="K217" s="16"/>
      <c r="L217" s="16"/>
      <c r="M217" s="16"/>
      <c r="N217" s="16"/>
      <c r="O217" s="16"/>
      <c r="P217" s="16"/>
      <c r="Q217" s="17"/>
    </row>
    <row r="218" spans="1:17" ht="28.35" customHeight="1" x14ac:dyDescent="0.4">
      <c r="A218" s="66"/>
      <c r="B218" s="67"/>
      <c r="C218" s="15"/>
      <c r="D218" s="16"/>
      <c r="E218" s="16"/>
      <c r="F218" s="16"/>
      <c r="G218" s="16"/>
      <c r="H218" s="16"/>
      <c r="I218" s="16"/>
      <c r="J218" s="16"/>
      <c r="K218" s="16"/>
      <c r="L218" s="16"/>
      <c r="M218" s="16"/>
      <c r="N218" s="16"/>
      <c r="O218" s="16"/>
      <c r="P218" s="16"/>
      <c r="Q218" s="17"/>
    </row>
    <row r="219" spans="1:17" ht="28.35" customHeight="1" x14ac:dyDescent="0.4">
      <c r="A219" s="57"/>
      <c r="B219" s="59"/>
      <c r="C219" s="18"/>
      <c r="D219" s="19"/>
      <c r="E219" s="19"/>
      <c r="F219" s="19"/>
      <c r="G219" s="19"/>
      <c r="H219" s="19"/>
      <c r="I219" s="19"/>
      <c r="J219" s="19"/>
      <c r="K219" s="19"/>
      <c r="L219" s="19"/>
      <c r="M219" s="19"/>
      <c r="N219" s="19"/>
      <c r="O219" s="19"/>
      <c r="P219" s="19"/>
      <c r="Q219" s="20"/>
    </row>
    <row r="220" spans="1:17" ht="28.35" customHeight="1" x14ac:dyDescent="0.4">
      <c r="A220" s="54" t="s">
        <v>54</v>
      </c>
      <c r="B220" s="56"/>
      <c r="C220" s="12"/>
      <c r="D220" s="13"/>
      <c r="E220" s="13"/>
      <c r="F220" s="13"/>
      <c r="G220" s="13"/>
      <c r="H220" s="13"/>
      <c r="I220" s="13"/>
      <c r="J220" s="13"/>
      <c r="K220" s="13"/>
      <c r="L220" s="13"/>
      <c r="M220" s="13"/>
      <c r="N220" s="13"/>
      <c r="O220" s="13"/>
      <c r="P220" s="13"/>
      <c r="Q220" s="14"/>
    </row>
    <row r="221" spans="1:17" ht="28.35" customHeight="1" x14ac:dyDescent="0.4">
      <c r="A221" s="66"/>
      <c r="B221" s="67"/>
      <c r="C221" s="15"/>
      <c r="D221" s="16"/>
      <c r="E221" s="16"/>
      <c r="F221" s="16"/>
      <c r="G221" s="16"/>
      <c r="H221" s="16"/>
      <c r="I221" s="16"/>
      <c r="J221" s="16"/>
      <c r="K221" s="16"/>
      <c r="L221" s="16"/>
      <c r="M221" s="16"/>
      <c r="N221" s="16"/>
      <c r="O221" s="16"/>
      <c r="P221" s="16"/>
      <c r="Q221" s="17"/>
    </row>
    <row r="222" spans="1:17" ht="28.35" customHeight="1" x14ac:dyDescent="0.4">
      <c r="A222" s="66"/>
      <c r="B222" s="67"/>
      <c r="C222" s="15"/>
      <c r="D222" s="16"/>
      <c r="E222" s="16"/>
      <c r="F222" s="16"/>
      <c r="G222" s="16"/>
      <c r="H222" s="16"/>
      <c r="I222" s="16"/>
      <c r="J222" s="16"/>
      <c r="K222" s="16"/>
      <c r="L222" s="16"/>
      <c r="M222" s="16"/>
      <c r="N222" s="16"/>
      <c r="O222" s="16"/>
      <c r="P222" s="16"/>
      <c r="Q222" s="17"/>
    </row>
    <row r="223" spans="1:17" ht="28.35" customHeight="1" x14ac:dyDescent="0.4">
      <c r="A223" s="66"/>
      <c r="B223" s="67"/>
      <c r="C223" s="15"/>
      <c r="D223" s="16"/>
      <c r="E223" s="16"/>
      <c r="F223" s="16"/>
      <c r="G223" s="16"/>
      <c r="H223" s="16"/>
      <c r="I223" s="16"/>
      <c r="J223" s="16"/>
      <c r="K223" s="16"/>
      <c r="L223" s="16"/>
      <c r="M223" s="16"/>
      <c r="N223" s="16"/>
      <c r="O223" s="16"/>
      <c r="P223" s="16"/>
      <c r="Q223" s="17"/>
    </row>
    <row r="224" spans="1:17" ht="28.35" customHeight="1" x14ac:dyDescent="0.4">
      <c r="A224" s="66"/>
      <c r="B224" s="67"/>
      <c r="C224" s="15"/>
      <c r="D224" s="16"/>
      <c r="E224" s="16"/>
      <c r="F224" s="16"/>
      <c r="G224" s="16"/>
      <c r="H224" s="16"/>
      <c r="I224" s="16"/>
      <c r="J224" s="16"/>
      <c r="K224" s="16"/>
      <c r="L224" s="16"/>
      <c r="M224" s="16"/>
      <c r="N224" s="16"/>
      <c r="O224" s="16"/>
      <c r="P224" s="16"/>
      <c r="Q224" s="17"/>
    </row>
    <row r="225" spans="1:17" ht="28.35" customHeight="1" x14ac:dyDescent="0.4">
      <c r="A225" s="66"/>
      <c r="B225" s="67"/>
      <c r="C225" s="15"/>
      <c r="D225" s="16"/>
      <c r="E225" s="16"/>
      <c r="F225" s="16"/>
      <c r="G225" s="16"/>
      <c r="H225" s="16"/>
      <c r="I225" s="16"/>
      <c r="J225" s="16"/>
      <c r="K225" s="16"/>
      <c r="L225" s="16"/>
      <c r="M225" s="16"/>
      <c r="N225" s="16"/>
      <c r="O225" s="16"/>
      <c r="P225" s="16"/>
      <c r="Q225" s="17"/>
    </row>
    <row r="226" spans="1:17" ht="28.35" customHeight="1" x14ac:dyDescent="0.4">
      <c r="A226" s="57"/>
      <c r="B226" s="59"/>
      <c r="C226" s="18"/>
      <c r="D226" s="19"/>
      <c r="E226" s="19"/>
      <c r="F226" s="19"/>
      <c r="G226" s="19"/>
      <c r="H226" s="19"/>
      <c r="I226" s="19"/>
      <c r="J226" s="19"/>
      <c r="K226" s="19"/>
      <c r="L226" s="19"/>
      <c r="M226" s="19"/>
      <c r="N226" s="19"/>
      <c r="O226" s="19"/>
      <c r="P226" s="19"/>
      <c r="Q226" s="20"/>
    </row>
    <row r="227" spans="1:17" ht="28.35" customHeight="1" x14ac:dyDescent="0.4">
      <c r="A227" s="31"/>
      <c r="B227" s="31"/>
      <c r="C227" s="16"/>
      <c r="D227" s="16"/>
      <c r="E227" s="16"/>
      <c r="F227" s="16"/>
      <c r="G227" s="16"/>
      <c r="H227" s="16"/>
      <c r="I227" s="16"/>
      <c r="J227" s="16"/>
      <c r="K227" s="16"/>
      <c r="L227" s="16"/>
      <c r="M227" s="16"/>
      <c r="N227" s="16"/>
      <c r="O227" s="16"/>
      <c r="P227" s="16"/>
      <c r="Q227" s="16"/>
    </row>
    <row r="228" spans="1:17" ht="28.35" customHeight="1" x14ac:dyDescent="0.4">
      <c r="A228" s="5"/>
      <c r="B228" s="5"/>
    </row>
    <row r="229" spans="1:17" ht="28.35" customHeight="1" x14ac:dyDescent="0.4">
      <c r="A229" s="5"/>
      <c r="B229" s="5"/>
    </row>
    <row r="230" spans="1:17" ht="28.35" customHeight="1" x14ac:dyDescent="0.4"/>
    <row r="231" spans="1:17" ht="28.35" customHeight="1" x14ac:dyDescent="0.4"/>
    <row r="232" spans="1:17" ht="28.35" customHeight="1" x14ac:dyDescent="0.4"/>
    <row r="233" spans="1:17" ht="28.35" customHeight="1" x14ac:dyDescent="0.4"/>
    <row r="234" spans="1:17" ht="28.35" customHeight="1" x14ac:dyDescent="0.4"/>
    <row r="235" spans="1:17" ht="28.35" customHeight="1" x14ac:dyDescent="0.4"/>
    <row r="236" spans="1:17" ht="28.35" customHeight="1" x14ac:dyDescent="0.4"/>
    <row r="237" spans="1:17" ht="28.35" customHeight="1" x14ac:dyDescent="0.4"/>
    <row r="238" spans="1:17" ht="28.35" customHeight="1" x14ac:dyDescent="0.4"/>
    <row r="239" spans="1:17" ht="28.35" customHeight="1" x14ac:dyDescent="0.4"/>
    <row r="240" spans="1:17" ht="28.35" customHeight="1" x14ac:dyDescent="0.4"/>
    <row r="241" ht="28.35" customHeight="1" x14ac:dyDescent="0.4"/>
    <row r="242" ht="28.35" customHeight="1" x14ac:dyDescent="0.4"/>
    <row r="243" ht="28.35" customHeight="1" x14ac:dyDescent="0.4"/>
    <row r="244" ht="28.35" customHeight="1" x14ac:dyDescent="0.4"/>
    <row r="245" ht="28.35" customHeight="1" x14ac:dyDescent="0.4"/>
    <row r="246" ht="28.35" customHeight="1" x14ac:dyDescent="0.4"/>
    <row r="247" ht="28.35" customHeight="1" x14ac:dyDescent="0.4"/>
    <row r="248" ht="28.35" customHeight="1" x14ac:dyDescent="0.4"/>
    <row r="249" ht="28.35" customHeight="1" x14ac:dyDescent="0.4"/>
    <row r="250" ht="28.35" customHeight="1" x14ac:dyDescent="0.4"/>
    <row r="251" ht="28.35" customHeight="1" x14ac:dyDescent="0.4"/>
    <row r="252" ht="28.35" customHeight="1" x14ac:dyDescent="0.4"/>
    <row r="253" ht="28.35" customHeight="1" x14ac:dyDescent="0.4"/>
    <row r="254" ht="28.35" customHeight="1" x14ac:dyDescent="0.4"/>
    <row r="255" ht="28.35" customHeight="1" x14ac:dyDescent="0.4"/>
    <row r="256" ht="28.35" customHeight="1" x14ac:dyDescent="0.4"/>
    <row r="257" ht="28.35" customHeight="1" x14ac:dyDescent="0.4"/>
    <row r="258" ht="28.35" customHeight="1" x14ac:dyDescent="0.4"/>
    <row r="259" ht="28.35" customHeight="1" x14ac:dyDescent="0.4"/>
    <row r="260" ht="28.35" customHeight="1" x14ac:dyDescent="0.4"/>
    <row r="261" ht="28.35" customHeight="1" x14ac:dyDescent="0.4"/>
    <row r="262" ht="28.35" customHeight="1" x14ac:dyDescent="0.4"/>
    <row r="263" ht="28.35" customHeight="1" x14ac:dyDescent="0.4"/>
    <row r="264" ht="28.35" customHeight="1" x14ac:dyDescent="0.4"/>
    <row r="265" ht="28.35" customHeight="1" x14ac:dyDescent="0.4"/>
    <row r="266" ht="28.35" customHeight="1" x14ac:dyDescent="0.4"/>
    <row r="267" ht="28.35" customHeight="1" x14ac:dyDescent="0.4"/>
    <row r="268" ht="28.35" customHeight="1" x14ac:dyDescent="0.4"/>
    <row r="269" ht="28.35" customHeight="1" x14ac:dyDescent="0.4"/>
    <row r="270" ht="28.35" customHeight="1" x14ac:dyDescent="0.4"/>
    <row r="271" ht="28.35" customHeight="1" x14ac:dyDescent="0.4"/>
    <row r="272" ht="28.35" customHeight="1" x14ac:dyDescent="0.4"/>
    <row r="273" ht="28.35" customHeight="1" x14ac:dyDescent="0.4"/>
    <row r="274" ht="28.35" customHeight="1" x14ac:dyDescent="0.4"/>
    <row r="275" ht="28.35" customHeight="1" x14ac:dyDescent="0.4"/>
    <row r="276" ht="28.35" customHeight="1" x14ac:dyDescent="0.4"/>
    <row r="277" ht="28.35" customHeight="1" x14ac:dyDescent="0.4"/>
    <row r="278" ht="28.35" customHeight="1" x14ac:dyDescent="0.4"/>
    <row r="279" ht="28.35" customHeight="1" x14ac:dyDescent="0.4"/>
    <row r="280" ht="28.35" customHeight="1" x14ac:dyDescent="0.4"/>
    <row r="281" ht="28.35" customHeight="1" x14ac:dyDescent="0.4"/>
    <row r="282" ht="28.35" customHeight="1" x14ac:dyDescent="0.4"/>
    <row r="283" ht="28.35" customHeight="1" x14ac:dyDescent="0.4"/>
    <row r="284" ht="28.35" customHeight="1" x14ac:dyDescent="0.4"/>
    <row r="285" ht="28.35" customHeight="1" x14ac:dyDescent="0.4"/>
    <row r="286" ht="28.35" customHeight="1" x14ac:dyDescent="0.4"/>
    <row r="287" ht="28.35" customHeight="1" x14ac:dyDescent="0.4"/>
    <row r="288" ht="28.35" customHeight="1" x14ac:dyDescent="0.4"/>
    <row r="289" ht="28.35" customHeight="1" x14ac:dyDescent="0.4"/>
    <row r="290" ht="28.35" customHeight="1" x14ac:dyDescent="0.4"/>
    <row r="291" ht="28.35" customHeight="1" x14ac:dyDescent="0.4"/>
    <row r="292" ht="28.35" customHeight="1" x14ac:dyDescent="0.4"/>
    <row r="293" ht="28.35" customHeight="1" x14ac:dyDescent="0.4"/>
    <row r="294" ht="28.35" customHeight="1" x14ac:dyDescent="0.4"/>
    <row r="295" ht="28.35" customHeight="1" x14ac:dyDescent="0.4"/>
    <row r="296" ht="28.35" customHeight="1" x14ac:dyDescent="0.4"/>
    <row r="297" ht="28.35" customHeight="1" x14ac:dyDescent="0.4"/>
    <row r="298" ht="28.35" customHeight="1" x14ac:dyDescent="0.4"/>
    <row r="299" ht="28.35" customHeight="1" x14ac:dyDescent="0.4"/>
    <row r="300" ht="28.35" customHeight="1" x14ac:dyDescent="0.4"/>
    <row r="301" ht="28.35" customHeight="1" x14ac:dyDescent="0.4"/>
    <row r="302" ht="28.35" customHeight="1" x14ac:dyDescent="0.4"/>
    <row r="303" ht="28.35" customHeight="1" x14ac:dyDescent="0.4"/>
    <row r="304" ht="28.35" customHeight="1" x14ac:dyDescent="0.4"/>
    <row r="305" ht="28.35" customHeight="1" x14ac:dyDescent="0.4"/>
    <row r="306" ht="28.35" customHeight="1" x14ac:dyDescent="0.4"/>
    <row r="307" ht="28.35" customHeight="1" x14ac:dyDescent="0.4"/>
    <row r="308" ht="28.35" customHeight="1" x14ac:dyDescent="0.4"/>
    <row r="309" ht="28.35" customHeight="1" x14ac:dyDescent="0.4"/>
    <row r="310" ht="28.35" customHeight="1" x14ac:dyDescent="0.4"/>
    <row r="311" ht="28.35" customHeight="1" x14ac:dyDescent="0.4"/>
    <row r="312" ht="28.35" customHeight="1" x14ac:dyDescent="0.4"/>
    <row r="313" ht="28.35" customHeight="1" x14ac:dyDescent="0.4"/>
    <row r="314" ht="28.35" customHeight="1" x14ac:dyDescent="0.4"/>
    <row r="315" ht="28.35" customHeight="1" x14ac:dyDescent="0.4"/>
    <row r="316" ht="28.35" customHeight="1" x14ac:dyDescent="0.4"/>
    <row r="317" ht="28.35" customHeight="1" x14ac:dyDescent="0.4"/>
    <row r="318" ht="28.35" customHeight="1" x14ac:dyDescent="0.4"/>
    <row r="319" ht="28.35" customHeight="1" x14ac:dyDescent="0.4"/>
    <row r="320" ht="28.35" customHeight="1" x14ac:dyDescent="0.4"/>
    <row r="321" ht="28.35" customHeight="1" x14ac:dyDescent="0.4"/>
    <row r="322" ht="28.35" customHeight="1" x14ac:dyDescent="0.4"/>
    <row r="323" ht="28.35" customHeight="1" x14ac:dyDescent="0.4"/>
    <row r="324" ht="28.35" customHeight="1" x14ac:dyDescent="0.4"/>
    <row r="325" ht="28.35" customHeight="1" x14ac:dyDescent="0.4"/>
    <row r="326" ht="28.35" customHeight="1" x14ac:dyDescent="0.4"/>
    <row r="327" ht="28.35" customHeight="1" x14ac:dyDescent="0.4"/>
    <row r="328" ht="28.35" customHeight="1" x14ac:dyDescent="0.4"/>
    <row r="329" ht="28.35" customHeight="1" x14ac:dyDescent="0.4"/>
    <row r="330" ht="28.35" customHeight="1" x14ac:dyDescent="0.4"/>
    <row r="331" ht="28.35" customHeight="1" x14ac:dyDescent="0.4"/>
    <row r="332" ht="28.35" customHeight="1" x14ac:dyDescent="0.4"/>
    <row r="333" ht="28.35" customHeight="1" x14ac:dyDescent="0.4"/>
    <row r="334" ht="28.35" customHeight="1" x14ac:dyDescent="0.4"/>
    <row r="335" ht="28.35" customHeight="1" x14ac:dyDescent="0.4"/>
    <row r="336" ht="28.35" customHeight="1" x14ac:dyDescent="0.4"/>
    <row r="337" ht="28.35" customHeight="1" x14ac:dyDescent="0.4"/>
    <row r="338" ht="28.35" customHeight="1" x14ac:dyDescent="0.4"/>
    <row r="339" ht="28.35" customHeight="1" x14ac:dyDescent="0.4"/>
    <row r="340" ht="28.35" customHeight="1" x14ac:dyDescent="0.4"/>
    <row r="341" ht="28.35" customHeight="1" x14ac:dyDescent="0.4"/>
    <row r="342" ht="28.35" customHeight="1" x14ac:dyDescent="0.4"/>
    <row r="343" ht="28.35" customHeight="1" x14ac:dyDescent="0.4"/>
    <row r="344" ht="28.35" customHeight="1" x14ac:dyDescent="0.4"/>
    <row r="345" ht="28.35" customHeight="1" x14ac:dyDescent="0.4"/>
    <row r="346" ht="28.35" customHeight="1" x14ac:dyDescent="0.4"/>
    <row r="347" ht="28.35" customHeight="1" x14ac:dyDescent="0.4"/>
    <row r="348" ht="28.35" customHeight="1" x14ac:dyDescent="0.4"/>
    <row r="349" ht="28.35" customHeight="1" x14ac:dyDescent="0.4"/>
    <row r="350" ht="28.35" customHeight="1" x14ac:dyDescent="0.4"/>
    <row r="351" ht="28.35" customHeight="1" x14ac:dyDescent="0.4"/>
    <row r="352" ht="28.35" customHeight="1" x14ac:dyDescent="0.4"/>
    <row r="353" ht="28.35" customHeight="1" x14ac:dyDescent="0.4"/>
    <row r="354" ht="28.35" customHeight="1" x14ac:dyDescent="0.4"/>
    <row r="355" ht="28.35" customHeight="1" x14ac:dyDescent="0.4"/>
    <row r="356" ht="28.35" customHeight="1" x14ac:dyDescent="0.4"/>
    <row r="357" ht="28.35" customHeight="1" x14ac:dyDescent="0.4"/>
    <row r="358" ht="28.35" customHeight="1" x14ac:dyDescent="0.4"/>
    <row r="359" ht="28.35" customHeight="1" x14ac:dyDescent="0.4"/>
    <row r="360" ht="28.35" customHeight="1" x14ac:dyDescent="0.4"/>
    <row r="361" ht="28.35" customHeight="1" x14ac:dyDescent="0.4"/>
    <row r="362" ht="28.35" customHeight="1" x14ac:dyDescent="0.4"/>
    <row r="363" ht="28.35" customHeight="1" x14ac:dyDescent="0.4"/>
    <row r="364" ht="28.35" customHeight="1" x14ac:dyDescent="0.4"/>
    <row r="365" ht="28.35" customHeight="1" x14ac:dyDescent="0.4"/>
    <row r="366" ht="28.35" customHeight="1" x14ac:dyDescent="0.4"/>
    <row r="367" ht="28.35" customHeight="1" x14ac:dyDescent="0.4"/>
    <row r="368" ht="28.35" customHeight="1" x14ac:dyDescent="0.4"/>
    <row r="369" ht="28.35" customHeight="1" x14ac:dyDescent="0.4"/>
    <row r="370" ht="28.35" customHeight="1" x14ac:dyDescent="0.4"/>
    <row r="371" ht="28.35" customHeight="1" x14ac:dyDescent="0.4"/>
    <row r="372" ht="28.35" customHeight="1" x14ac:dyDescent="0.4"/>
    <row r="373" ht="28.35" customHeight="1" x14ac:dyDescent="0.4"/>
    <row r="374" ht="28.35" customHeight="1" x14ac:dyDescent="0.4"/>
    <row r="375" ht="28.35" customHeight="1" x14ac:dyDescent="0.4"/>
    <row r="376" ht="28.35" customHeight="1" x14ac:dyDescent="0.4"/>
    <row r="377" ht="28.35" customHeight="1" x14ac:dyDescent="0.4"/>
    <row r="378" ht="28.35" customHeight="1" x14ac:dyDescent="0.4"/>
    <row r="379" ht="28.35" customHeight="1" x14ac:dyDescent="0.4"/>
    <row r="380" ht="28.35" customHeight="1" x14ac:dyDescent="0.4"/>
    <row r="381" ht="28.35" customHeight="1" x14ac:dyDescent="0.4"/>
    <row r="382" ht="28.35" customHeight="1" x14ac:dyDescent="0.4"/>
    <row r="383" ht="28.35" customHeight="1" x14ac:dyDescent="0.4"/>
    <row r="384" ht="28.35" customHeight="1" x14ac:dyDescent="0.4"/>
    <row r="385" ht="28.35" customHeight="1" x14ac:dyDescent="0.4"/>
    <row r="386" ht="28.35" customHeight="1" x14ac:dyDescent="0.4"/>
    <row r="387" ht="28.35" customHeight="1" x14ac:dyDescent="0.4"/>
    <row r="388" ht="28.35" customHeight="1" x14ac:dyDescent="0.4"/>
    <row r="389" ht="28.35" customHeight="1" x14ac:dyDescent="0.4"/>
    <row r="390" ht="28.35" customHeight="1" x14ac:dyDescent="0.4"/>
    <row r="391" ht="28.35" customHeight="1" x14ac:dyDescent="0.4"/>
    <row r="392" ht="28.35" customHeight="1" x14ac:dyDescent="0.4"/>
    <row r="393" ht="28.35" customHeight="1" x14ac:dyDescent="0.4"/>
    <row r="394" ht="28.35" customHeight="1" x14ac:dyDescent="0.4"/>
    <row r="395" ht="28.35" customHeight="1" x14ac:dyDescent="0.4"/>
    <row r="396" ht="28.35" customHeight="1" x14ac:dyDescent="0.4"/>
    <row r="397" ht="28.35" customHeight="1" x14ac:dyDescent="0.4"/>
    <row r="398" ht="28.35" customHeight="1" x14ac:dyDescent="0.4"/>
    <row r="399" ht="28.35" customHeight="1" x14ac:dyDescent="0.4"/>
    <row r="400" ht="28.35" customHeight="1" x14ac:dyDescent="0.4"/>
    <row r="401" ht="28.35" customHeight="1" x14ac:dyDescent="0.4"/>
    <row r="402" ht="28.35" customHeight="1" x14ac:dyDescent="0.4"/>
    <row r="403" ht="28.35" customHeight="1" x14ac:dyDescent="0.4"/>
    <row r="404" ht="28.35" customHeight="1" x14ac:dyDescent="0.4"/>
    <row r="405" ht="28.35" customHeight="1" x14ac:dyDescent="0.4"/>
    <row r="406" ht="28.35" customHeight="1" x14ac:dyDescent="0.4"/>
    <row r="407" ht="28.35" customHeight="1" x14ac:dyDescent="0.4"/>
    <row r="408" ht="28.35" customHeight="1" x14ac:dyDescent="0.4"/>
    <row r="409" ht="28.35" customHeight="1" x14ac:dyDescent="0.4"/>
    <row r="410" ht="28.35" customHeight="1" x14ac:dyDescent="0.4"/>
    <row r="411" ht="28.35" customHeight="1" x14ac:dyDescent="0.4"/>
    <row r="412" ht="28.35" customHeight="1" x14ac:dyDescent="0.4"/>
    <row r="413" ht="28.35" customHeight="1" x14ac:dyDescent="0.4"/>
    <row r="414" ht="28.35" customHeight="1" x14ac:dyDescent="0.4"/>
    <row r="415" ht="28.35" customHeight="1" x14ac:dyDescent="0.4"/>
    <row r="416" ht="28.35" customHeight="1" x14ac:dyDescent="0.4"/>
    <row r="417" ht="28.35" customHeight="1" x14ac:dyDescent="0.4"/>
    <row r="418" ht="28.35" customHeight="1" x14ac:dyDescent="0.4"/>
    <row r="419" ht="28.35" customHeight="1" x14ac:dyDescent="0.4"/>
    <row r="420" ht="28.35" customHeight="1" x14ac:dyDescent="0.4"/>
    <row r="421" ht="28.35" customHeight="1" x14ac:dyDescent="0.4"/>
    <row r="422" ht="28.35" customHeight="1" x14ac:dyDescent="0.4"/>
    <row r="423" ht="28.35" customHeight="1" x14ac:dyDescent="0.4"/>
    <row r="424" ht="28.35" customHeight="1" x14ac:dyDescent="0.4"/>
    <row r="425" ht="28.35" customHeight="1" x14ac:dyDescent="0.4"/>
    <row r="426" ht="28.35" customHeight="1" x14ac:dyDescent="0.4"/>
    <row r="427" ht="28.35" customHeight="1" x14ac:dyDescent="0.4"/>
    <row r="428" ht="28.35" customHeight="1" x14ac:dyDescent="0.4"/>
    <row r="429" ht="28.35" customHeight="1" x14ac:dyDescent="0.4"/>
    <row r="430" ht="28.35" customHeight="1" x14ac:dyDescent="0.4"/>
    <row r="431" ht="28.35" customHeight="1" x14ac:dyDescent="0.4"/>
    <row r="432" ht="28.35" customHeight="1" x14ac:dyDescent="0.4"/>
    <row r="433" ht="28.35" customHeight="1" x14ac:dyDescent="0.4"/>
    <row r="434" ht="28.35" customHeight="1" x14ac:dyDescent="0.4"/>
    <row r="435" ht="28.35" customHeight="1" x14ac:dyDescent="0.4"/>
    <row r="436" ht="28.35" customHeight="1" x14ac:dyDescent="0.4"/>
    <row r="437" ht="28.35" customHeight="1" x14ac:dyDescent="0.4"/>
    <row r="438" ht="28.35" customHeight="1" x14ac:dyDescent="0.4"/>
    <row r="439" ht="28.35" customHeight="1" x14ac:dyDescent="0.4"/>
    <row r="440" ht="28.35" customHeight="1" x14ac:dyDescent="0.4"/>
    <row r="441" ht="28.35" customHeight="1" x14ac:dyDescent="0.4"/>
    <row r="442" ht="28.35" customHeight="1" x14ac:dyDescent="0.4"/>
    <row r="443" ht="28.35" customHeight="1" x14ac:dyDescent="0.4"/>
    <row r="444" ht="28.35" customHeight="1" x14ac:dyDescent="0.4"/>
    <row r="445" ht="28.35" customHeight="1" x14ac:dyDescent="0.4"/>
    <row r="446" ht="28.35" customHeight="1" x14ac:dyDescent="0.4"/>
    <row r="447" ht="28.35" customHeight="1" x14ac:dyDescent="0.4"/>
    <row r="448" ht="28.35" customHeight="1" x14ac:dyDescent="0.4"/>
    <row r="449" ht="28.35" customHeight="1" x14ac:dyDescent="0.4"/>
    <row r="450" ht="28.35" customHeight="1" x14ac:dyDescent="0.4"/>
    <row r="451" ht="28.35" customHeight="1" x14ac:dyDescent="0.4"/>
    <row r="452" ht="28.35" customHeight="1" x14ac:dyDescent="0.4"/>
    <row r="453" ht="28.35" customHeight="1" x14ac:dyDescent="0.4"/>
    <row r="454" ht="28.35" customHeight="1" x14ac:dyDescent="0.4"/>
    <row r="455" ht="28.35" customHeight="1" x14ac:dyDescent="0.4"/>
    <row r="456" ht="28.35" customHeight="1" x14ac:dyDescent="0.4"/>
    <row r="457" ht="28.35" customHeight="1" x14ac:dyDescent="0.4"/>
    <row r="458" ht="28.35" customHeight="1" x14ac:dyDescent="0.4"/>
    <row r="459" ht="28.35" customHeight="1" x14ac:dyDescent="0.4"/>
    <row r="460" ht="28.35" customHeight="1" x14ac:dyDescent="0.4"/>
    <row r="461" ht="28.35" customHeight="1" x14ac:dyDescent="0.4"/>
    <row r="462" ht="28.35" customHeight="1" x14ac:dyDescent="0.4"/>
    <row r="463" ht="28.35" customHeight="1" x14ac:dyDescent="0.4"/>
    <row r="464" ht="28.35" customHeight="1" x14ac:dyDescent="0.4"/>
    <row r="465" ht="28.35" customHeight="1" x14ac:dyDescent="0.4"/>
    <row r="466" ht="28.35" customHeight="1" x14ac:dyDescent="0.4"/>
    <row r="467" ht="28.35" customHeight="1" x14ac:dyDescent="0.4"/>
    <row r="468" ht="28.35" customHeight="1" x14ac:dyDescent="0.4"/>
    <row r="469" ht="28.35" customHeight="1" x14ac:dyDescent="0.4"/>
    <row r="470" ht="28.35" customHeight="1" x14ac:dyDescent="0.4"/>
    <row r="471" ht="28.35" customHeight="1" x14ac:dyDescent="0.4"/>
    <row r="472" ht="28.35" customHeight="1" x14ac:dyDescent="0.4"/>
    <row r="473" ht="28.35" customHeight="1" x14ac:dyDescent="0.4"/>
    <row r="474" ht="28.35" customHeight="1" x14ac:dyDescent="0.4"/>
    <row r="475" ht="28.35" customHeight="1" x14ac:dyDescent="0.4"/>
    <row r="476" ht="28.35" customHeight="1" x14ac:dyDescent="0.4"/>
    <row r="477" ht="28.35" customHeight="1" x14ac:dyDescent="0.4"/>
    <row r="478" ht="28.35" customHeight="1" x14ac:dyDescent="0.4"/>
    <row r="479" ht="28.35" customHeight="1" x14ac:dyDescent="0.4"/>
    <row r="480" ht="28.35" customHeight="1" x14ac:dyDescent="0.4"/>
    <row r="481" ht="28.35" customHeight="1" x14ac:dyDescent="0.4"/>
    <row r="482" ht="28.35" customHeight="1" x14ac:dyDescent="0.4"/>
    <row r="483" ht="28.35" customHeight="1" x14ac:dyDescent="0.4"/>
    <row r="484" ht="28.35" customHeight="1" x14ac:dyDescent="0.4"/>
    <row r="485" ht="28.35" customHeight="1" x14ac:dyDescent="0.4"/>
    <row r="486" ht="28.35" customHeight="1" x14ac:dyDescent="0.4"/>
    <row r="487" ht="28.35" customHeight="1" x14ac:dyDescent="0.4"/>
    <row r="488" ht="28.35" customHeight="1" x14ac:dyDescent="0.4"/>
    <row r="489" ht="28.35" customHeight="1" x14ac:dyDescent="0.4"/>
    <row r="490" ht="28.35" customHeight="1" x14ac:dyDescent="0.4"/>
    <row r="491" ht="28.35" customHeight="1" x14ac:dyDescent="0.4"/>
    <row r="492" ht="28.35" customHeight="1" x14ac:dyDescent="0.4"/>
    <row r="493" ht="28.35" customHeight="1" x14ac:dyDescent="0.4"/>
    <row r="494" ht="28.35" customHeight="1" x14ac:dyDescent="0.4"/>
    <row r="495" ht="28.35" customHeight="1" x14ac:dyDescent="0.4"/>
    <row r="496" ht="28.35" customHeight="1" x14ac:dyDescent="0.4"/>
    <row r="497" ht="28.35" customHeight="1" x14ac:dyDescent="0.4"/>
    <row r="498" ht="28.35" customHeight="1" x14ac:dyDescent="0.4"/>
    <row r="499" ht="28.35" customHeight="1" x14ac:dyDescent="0.4"/>
    <row r="500" ht="28.35" customHeight="1" x14ac:dyDescent="0.4"/>
    <row r="501" ht="28.35" customHeight="1" x14ac:dyDescent="0.4"/>
    <row r="502" ht="28.35" customHeight="1" x14ac:dyDescent="0.4"/>
    <row r="503" ht="28.35" customHeight="1" x14ac:dyDescent="0.4"/>
    <row r="504" ht="28.35" customHeight="1" x14ac:dyDescent="0.4"/>
    <row r="505" ht="28.35" customHeight="1" x14ac:dyDescent="0.4"/>
    <row r="506" ht="28.35" customHeight="1" x14ac:dyDescent="0.4"/>
    <row r="507" ht="28.35" customHeight="1" x14ac:dyDescent="0.4"/>
    <row r="508" ht="28.35" customHeight="1" x14ac:dyDescent="0.4"/>
    <row r="509" ht="28.35" customHeight="1" x14ac:dyDescent="0.4"/>
    <row r="510" ht="28.35" customHeight="1" x14ac:dyDescent="0.4"/>
    <row r="511" ht="28.35" customHeight="1" x14ac:dyDescent="0.4"/>
    <row r="512" ht="28.35" customHeight="1" x14ac:dyDescent="0.4"/>
    <row r="513" ht="28.35" customHeight="1" x14ac:dyDescent="0.4"/>
    <row r="514" ht="28.35" customHeight="1" x14ac:dyDescent="0.4"/>
    <row r="515" ht="28.35" customHeight="1" x14ac:dyDescent="0.4"/>
    <row r="516" ht="28.35" customHeight="1" x14ac:dyDescent="0.4"/>
    <row r="517" ht="28.35" customHeight="1" x14ac:dyDescent="0.4"/>
    <row r="518" ht="28.35" customHeight="1" x14ac:dyDescent="0.4"/>
    <row r="519" ht="28.35" customHeight="1" x14ac:dyDescent="0.4"/>
    <row r="520" ht="28.35" customHeight="1" x14ac:dyDescent="0.4"/>
    <row r="521" ht="28.35" customHeight="1" x14ac:dyDescent="0.4"/>
    <row r="522" ht="28.35" customHeight="1" x14ac:dyDescent="0.4"/>
    <row r="523" ht="28.35" customHeight="1" x14ac:dyDescent="0.4"/>
    <row r="524" ht="28.35" customHeight="1" x14ac:dyDescent="0.4"/>
    <row r="525" ht="28.35" customHeight="1" x14ac:dyDescent="0.4"/>
    <row r="526" ht="28.35" customHeight="1" x14ac:dyDescent="0.4"/>
    <row r="527" ht="28.35" customHeight="1" x14ac:dyDescent="0.4"/>
    <row r="528" ht="28.35" customHeight="1" x14ac:dyDescent="0.4"/>
    <row r="529" ht="28.35" customHeight="1" x14ac:dyDescent="0.4"/>
    <row r="530" ht="28.35" customHeight="1" x14ac:dyDescent="0.4"/>
    <row r="531" ht="28.35" customHeight="1" x14ac:dyDescent="0.4"/>
    <row r="532" ht="28.35" customHeight="1" x14ac:dyDescent="0.4"/>
    <row r="533" ht="28.35" customHeight="1" x14ac:dyDescent="0.4"/>
    <row r="534" ht="28.35" customHeight="1" x14ac:dyDescent="0.4"/>
    <row r="535" ht="28.35" customHeight="1" x14ac:dyDescent="0.4"/>
    <row r="536" ht="28.35" customHeight="1" x14ac:dyDescent="0.4"/>
    <row r="537" ht="28.35" customHeight="1" x14ac:dyDescent="0.4"/>
    <row r="538" ht="28.35" customHeight="1" x14ac:dyDescent="0.4"/>
    <row r="539" ht="28.35" customHeight="1" x14ac:dyDescent="0.4"/>
    <row r="540" ht="28.35" customHeight="1" x14ac:dyDescent="0.4"/>
    <row r="541" ht="28.35" customHeight="1" x14ac:dyDescent="0.4"/>
    <row r="542" ht="28.35" customHeight="1" x14ac:dyDescent="0.4"/>
    <row r="543" ht="28.35" customHeight="1" x14ac:dyDescent="0.4"/>
    <row r="544" ht="28.35" customHeight="1" x14ac:dyDescent="0.4"/>
    <row r="545" ht="28.35" customHeight="1" x14ac:dyDescent="0.4"/>
    <row r="546" ht="28.35" customHeight="1" x14ac:dyDescent="0.4"/>
    <row r="547" ht="28.35" customHeight="1" x14ac:dyDescent="0.4"/>
    <row r="548" ht="28.35" customHeight="1" x14ac:dyDescent="0.4"/>
    <row r="549" ht="28.35" customHeight="1" x14ac:dyDescent="0.4"/>
    <row r="550" ht="28.35" customHeight="1" x14ac:dyDescent="0.4"/>
    <row r="551" ht="28.35" customHeight="1" x14ac:dyDescent="0.4"/>
    <row r="552" ht="28.35" customHeight="1" x14ac:dyDescent="0.4"/>
    <row r="553" ht="28.35" customHeight="1" x14ac:dyDescent="0.4"/>
    <row r="554" ht="28.35" customHeight="1" x14ac:dyDescent="0.4"/>
    <row r="555" ht="28.35" customHeight="1" x14ac:dyDescent="0.4"/>
    <row r="556" ht="28.35" customHeight="1" x14ac:dyDescent="0.4"/>
    <row r="557" ht="28.35" customHeight="1" x14ac:dyDescent="0.4"/>
    <row r="558" ht="28.35" customHeight="1" x14ac:dyDescent="0.4"/>
    <row r="559" ht="28.35" customHeight="1" x14ac:dyDescent="0.4"/>
    <row r="560" ht="28.35" customHeight="1" x14ac:dyDescent="0.4"/>
    <row r="561" ht="28.35" customHeight="1" x14ac:dyDescent="0.4"/>
    <row r="562" ht="28.35" customHeight="1" x14ac:dyDescent="0.4"/>
    <row r="563" ht="28.35" customHeight="1" x14ac:dyDescent="0.4"/>
    <row r="564" ht="28.35" customHeight="1" x14ac:dyDescent="0.4"/>
    <row r="565" ht="28.35" customHeight="1" x14ac:dyDescent="0.4"/>
    <row r="566" ht="28.35" customHeight="1" x14ac:dyDescent="0.4"/>
    <row r="567" ht="28.35" customHeight="1" x14ac:dyDescent="0.4"/>
    <row r="568" ht="28.35" customHeight="1" x14ac:dyDescent="0.4"/>
    <row r="569" ht="28.35" customHeight="1" x14ac:dyDescent="0.4"/>
    <row r="570" ht="28.35" customHeight="1" x14ac:dyDescent="0.4"/>
    <row r="571" ht="28.35" customHeight="1" x14ac:dyDescent="0.4"/>
    <row r="572" ht="28.35" customHeight="1" x14ac:dyDescent="0.4"/>
    <row r="573" ht="28.35" customHeight="1" x14ac:dyDescent="0.4"/>
    <row r="574" ht="28.35" customHeight="1" x14ac:dyDescent="0.4"/>
    <row r="575" ht="28.35" customHeight="1" x14ac:dyDescent="0.4"/>
    <row r="576" ht="28.35" customHeight="1" x14ac:dyDescent="0.4"/>
    <row r="577" ht="28.35" customHeight="1" x14ac:dyDescent="0.4"/>
    <row r="578" ht="28.35" customHeight="1" x14ac:dyDescent="0.4"/>
    <row r="579" ht="28.35" customHeight="1" x14ac:dyDescent="0.4"/>
    <row r="580" ht="28.35" customHeight="1" x14ac:dyDescent="0.4"/>
    <row r="581" ht="28.35" customHeight="1" x14ac:dyDescent="0.4"/>
    <row r="582" ht="28.35" customHeight="1" x14ac:dyDescent="0.4"/>
    <row r="583" ht="28.35" customHeight="1" x14ac:dyDescent="0.4"/>
    <row r="584" ht="28.35" customHeight="1" x14ac:dyDescent="0.4"/>
    <row r="585" ht="28.35" customHeight="1" x14ac:dyDescent="0.4"/>
    <row r="586" ht="28.35" customHeight="1" x14ac:dyDescent="0.4"/>
    <row r="587" ht="28.35" customHeight="1" x14ac:dyDescent="0.4"/>
    <row r="588" ht="28.35" customHeight="1" x14ac:dyDescent="0.4"/>
    <row r="589" ht="28.35" customHeight="1" x14ac:dyDescent="0.4"/>
    <row r="590" ht="28.35" customHeight="1" x14ac:dyDescent="0.4"/>
    <row r="591" ht="28.35" customHeight="1" x14ac:dyDescent="0.4"/>
    <row r="592" ht="28.35" customHeight="1" x14ac:dyDescent="0.4"/>
    <row r="593" ht="28.35" customHeight="1" x14ac:dyDescent="0.4"/>
    <row r="594" ht="28.35" customHeight="1" x14ac:dyDescent="0.4"/>
    <row r="595" ht="28.35" customHeight="1" x14ac:dyDescent="0.4"/>
    <row r="596" ht="28.35" customHeight="1" x14ac:dyDescent="0.4"/>
    <row r="597" ht="28.35" customHeight="1" x14ac:dyDescent="0.4"/>
    <row r="598" ht="28.35" customHeight="1" x14ac:dyDescent="0.4"/>
    <row r="599" ht="28.35" customHeight="1" x14ac:dyDescent="0.4"/>
    <row r="600" ht="28.35" customHeight="1" x14ac:dyDescent="0.4"/>
    <row r="601" ht="28.35" customHeight="1" x14ac:dyDescent="0.4"/>
    <row r="602" ht="28.35" customHeight="1" x14ac:dyDescent="0.4"/>
    <row r="603" ht="28.35" customHeight="1" x14ac:dyDescent="0.4"/>
    <row r="604" ht="28.35" customHeight="1" x14ac:dyDescent="0.4"/>
    <row r="605" ht="28.35" customHeight="1" x14ac:dyDescent="0.4"/>
    <row r="606" ht="28.35" customHeight="1" x14ac:dyDescent="0.4"/>
    <row r="607" ht="28.35" customHeight="1" x14ac:dyDescent="0.4"/>
    <row r="608" ht="28.35" customHeight="1" x14ac:dyDescent="0.4"/>
    <row r="609" ht="28.35" customHeight="1" x14ac:dyDescent="0.4"/>
    <row r="610" ht="28.35" customHeight="1" x14ac:dyDescent="0.4"/>
    <row r="611" ht="28.35" customHeight="1" x14ac:dyDescent="0.4"/>
    <row r="612" ht="28.35" customHeight="1" x14ac:dyDescent="0.4"/>
    <row r="613" ht="28.35" customHeight="1" x14ac:dyDescent="0.4"/>
    <row r="614" ht="28.35" customHeight="1" x14ac:dyDescent="0.4"/>
    <row r="615" ht="28.35" customHeight="1" x14ac:dyDescent="0.4"/>
    <row r="616" ht="28.35" customHeight="1" x14ac:dyDescent="0.4"/>
    <row r="617" ht="28.35" customHeight="1" x14ac:dyDescent="0.4"/>
    <row r="618" ht="28.35" customHeight="1" x14ac:dyDescent="0.4"/>
    <row r="619" ht="28.35" customHeight="1" x14ac:dyDescent="0.4"/>
    <row r="620" ht="28.35" customHeight="1" x14ac:dyDescent="0.4"/>
    <row r="621" ht="28.35" customHeight="1" x14ac:dyDescent="0.4"/>
    <row r="622" ht="28.35" customHeight="1" x14ac:dyDescent="0.4"/>
    <row r="623" ht="28.35" customHeight="1" x14ac:dyDescent="0.4"/>
    <row r="624" ht="28.35" customHeight="1" x14ac:dyDescent="0.4"/>
    <row r="625" ht="28.35" customHeight="1" x14ac:dyDescent="0.4"/>
    <row r="626" ht="28.35" customHeight="1" x14ac:dyDescent="0.4"/>
    <row r="627" ht="28.35" customHeight="1" x14ac:dyDescent="0.4"/>
    <row r="628" ht="28.35" customHeight="1" x14ac:dyDescent="0.4"/>
    <row r="629" ht="28.35" customHeight="1" x14ac:dyDescent="0.4"/>
    <row r="630" ht="28.35" customHeight="1" x14ac:dyDescent="0.4"/>
    <row r="631" ht="28.35" customHeight="1" x14ac:dyDescent="0.4"/>
    <row r="632" ht="28.35" customHeight="1" x14ac:dyDescent="0.4"/>
    <row r="633" ht="28.35" customHeight="1" x14ac:dyDescent="0.4"/>
    <row r="634" ht="28.35" customHeight="1" x14ac:dyDescent="0.4"/>
    <row r="635" ht="28.35" customHeight="1" x14ac:dyDescent="0.4"/>
    <row r="636" ht="28.35" customHeight="1" x14ac:dyDescent="0.4"/>
    <row r="637" ht="28.35" customHeight="1" x14ac:dyDescent="0.4"/>
    <row r="638" ht="28.35" customHeight="1" x14ac:dyDescent="0.4"/>
    <row r="639" ht="28.35" customHeight="1" x14ac:dyDescent="0.4"/>
    <row r="640" ht="28.35" customHeight="1" x14ac:dyDescent="0.4"/>
    <row r="641" ht="28.35" customHeight="1" x14ac:dyDescent="0.4"/>
    <row r="642" ht="28.35" customHeight="1" x14ac:dyDescent="0.4"/>
    <row r="643" ht="28.35" customHeight="1" x14ac:dyDescent="0.4"/>
    <row r="644" ht="28.35" customHeight="1" x14ac:dyDescent="0.4"/>
    <row r="645" ht="28.35" customHeight="1" x14ac:dyDescent="0.4"/>
    <row r="646" ht="28.35" customHeight="1" x14ac:dyDescent="0.4"/>
    <row r="647" ht="28.35" customHeight="1" x14ac:dyDescent="0.4"/>
    <row r="648" ht="28.35" customHeight="1" x14ac:dyDescent="0.4"/>
    <row r="649" ht="28.35" customHeight="1" x14ac:dyDescent="0.4"/>
    <row r="650" ht="28.35" customHeight="1" x14ac:dyDescent="0.4"/>
    <row r="651" ht="28.35" customHeight="1" x14ac:dyDescent="0.4"/>
    <row r="652" ht="28.35" customHeight="1" x14ac:dyDescent="0.4"/>
    <row r="653" ht="28.35" customHeight="1" x14ac:dyDescent="0.4"/>
    <row r="654" ht="28.35" customHeight="1" x14ac:dyDescent="0.4"/>
    <row r="655" ht="28.35" customHeight="1" x14ac:dyDescent="0.4"/>
    <row r="656" ht="28.35" customHeight="1" x14ac:dyDescent="0.4"/>
    <row r="657" ht="28.35" customHeight="1" x14ac:dyDescent="0.4"/>
    <row r="658" ht="28.35" customHeight="1" x14ac:dyDescent="0.4"/>
    <row r="659" ht="28.35" customHeight="1" x14ac:dyDescent="0.4"/>
    <row r="660" ht="28.35" customHeight="1" x14ac:dyDescent="0.4"/>
    <row r="661" ht="28.35" customHeight="1" x14ac:dyDescent="0.4"/>
    <row r="662" ht="28.35" customHeight="1" x14ac:dyDescent="0.4"/>
    <row r="663" ht="28.35" customHeight="1" x14ac:dyDescent="0.4"/>
    <row r="664" ht="28.35" customHeight="1" x14ac:dyDescent="0.4"/>
    <row r="665" ht="28.35" customHeight="1" x14ac:dyDescent="0.4"/>
    <row r="666" ht="28.35" customHeight="1" x14ac:dyDescent="0.4"/>
    <row r="667" ht="28.35" customHeight="1" x14ac:dyDescent="0.4"/>
    <row r="668" ht="28.35" customHeight="1" x14ac:dyDescent="0.4"/>
    <row r="669" ht="28.35" customHeight="1" x14ac:dyDescent="0.4"/>
    <row r="670" ht="28.35" customHeight="1" x14ac:dyDescent="0.4"/>
    <row r="671" ht="28.35" customHeight="1" x14ac:dyDescent="0.4"/>
    <row r="672" ht="28.35" customHeight="1" x14ac:dyDescent="0.4"/>
    <row r="673" ht="28.35" customHeight="1" x14ac:dyDescent="0.4"/>
    <row r="674" ht="28.35" customHeight="1" x14ac:dyDescent="0.4"/>
    <row r="675" ht="28.35" customHeight="1" x14ac:dyDescent="0.4"/>
    <row r="676" ht="28.35" customHeight="1" x14ac:dyDescent="0.4"/>
    <row r="677" ht="28.35" customHeight="1" x14ac:dyDescent="0.4"/>
    <row r="678" ht="28.35" customHeight="1" x14ac:dyDescent="0.4"/>
    <row r="679" ht="28.35" customHeight="1" x14ac:dyDescent="0.4"/>
    <row r="680" ht="28.35" customHeight="1" x14ac:dyDescent="0.4"/>
    <row r="681" ht="28.35" customHeight="1" x14ac:dyDescent="0.4"/>
    <row r="682" ht="28.35" customHeight="1" x14ac:dyDescent="0.4"/>
    <row r="683" ht="28.35" customHeight="1" x14ac:dyDescent="0.4"/>
    <row r="684" ht="28.35" customHeight="1" x14ac:dyDescent="0.4"/>
    <row r="685" ht="28.35" customHeight="1" x14ac:dyDescent="0.4"/>
    <row r="686" ht="28.35" customHeight="1" x14ac:dyDescent="0.4"/>
    <row r="687" ht="28.35" customHeight="1" x14ac:dyDescent="0.4"/>
    <row r="688" ht="28.35" customHeight="1" x14ac:dyDescent="0.4"/>
    <row r="689" ht="28.35" customHeight="1" x14ac:dyDescent="0.4"/>
    <row r="690" ht="28.35" customHeight="1" x14ac:dyDescent="0.4"/>
    <row r="691" ht="28.35" customHeight="1" x14ac:dyDescent="0.4"/>
    <row r="692" ht="28.35" customHeight="1" x14ac:dyDescent="0.4"/>
    <row r="693" ht="28.35" customHeight="1" x14ac:dyDescent="0.4"/>
    <row r="694" ht="28.35" customHeight="1" x14ac:dyDescent="0.4"/>
    <row r="695" ht="28.35" customHeight="1" x14ac:dyDescent="0.4"/>
    <row r="696" ht="28.35" customHeight="1" x14ac:dyDescent="0.4"/>
    <row r="697" ht="28.35" customHeight="1" x14ac:dyDescent="0.4"/>
    <row r="698" ht="28.35" customHeight="1" x14ac:dyDescent="0.4"/>
    <row r="699" ht="28.35" customHeight="1" x14ac:dyDescent="0.4"/>
    <row r="700" ht="28.35" customHeight="1" x14ac:dyDescent="0.4"/>
    <row r="701" ht="28.35" customHeight="1" x14ac:dyDescent="0.4"/>
    <row r="702" ht="28.35" customHeight="1" x14ac:dyDescent="0.4"/>
    <row r="703" ht="28.35" customHeight="1" x14ac:dyDescent="0.4"/>
    <row r="704" ht="28.35" customHeight="1" x14ac:dyDescent="0.4"/>
    <row r="705" ht="28.35" customHeight="1" x14ac:dyDescent="0.4"/>
    <row r="706" ht="28.35" customHeight="1" x14ac:dyDescent="0.4"/>
    <row r="707" ht="28.35" customHeight="1" x14ac:dyDescent="0.4"/>
    <row r="708" ht="28.35" customHeight="1" x14ac:dyDescent="0.4"/>
    <row r="709" ht="28.35" customHeight="1" x14ac:dyDescent="0.4"/>
    <row r="710" ht="28.35" customHeight="1" x14ac:dyDescent="0.4"/>
    <row r="711" ht="28.35" customHeight="1" x14ac:dyDescent="0.4"/>
    <row r="712" ht="28.35" customHeight="1" x14ac:dyDescent="0.4"/>
    <row r="713" ht="28.35" customHeight="1" x14ac:dyDescent="0.4"/>
    <row r="714" ht="28.35" customHeight="1" x14ac:dyDescent="0.4"/>
    <row r="715" ht="28.35" customHeight="1" x14ac:dyDescent="0.4"/>
    <row r="716" ht="28.35" customHeight="1" x14ac:dyDescent="0.4"/>
    <row r="717" ht="28.35" customHeight="1" x14ac:dyDescent="0.4"/>
    <row r="718" ht="28.35" customHeight="1" x14ac:dyDescent="0.4"/>
    <row r="719" ht="28.35" customHeight="1" x14ac:dyDescent="0.4"/>
    <row r="720" ht="28.35" customHeight="1" x14ac:dyDescent="0.4"/>
    <row r="721" ht="28.35" customHeight="1" x14ac:dyDescent="0.4"/>
    <row r="722" ht="28.35" customHeight="1" x14ac:dyDescent="0.4"/>
    <row r="723" ht="28.35" customHeight="1" x14ac:dyDescent="0.4"/>
    <row r="724" ht="28.35" customHeight="1" x14ac:dyDescent="0.4"/>
    <row r="725" ht="28.35" customHeight="1" x14ac:dyDescent="0.4"/>
    <row r="726" ht="28.35" customHeight="1" x14ac:dyDescent="0.4"/>
    <row r="727" ht="28.35" customHeight="1" x14ac:dyDescent="0.4"/>
    <row r="728" ht="28.35" customHeight="1" x14ac:dyDescent="0.4"/>
    <row r="729" ht="28.35" customHeight="1" x14ac:dyDescent="0.4"/>
    <row r="730" ht="28.35" customHeight="1" x14ac:dyDescent="0.4"/>
    <row r="731" ht="28.35" customHeight="1" x14ac:dyDescent="0.4"/>
    <row r="732" ht="28.35" customHeight="1" x14ac:dyDescent="0.4"/>
    <row r="733" ht="28.35" customHeight="1" x14ac:dyDescent="0.4"/>
    <row r="734" ht="28.35" customHeight="1" x14ac:dyDescent="0.4"/>
    <row r="735" ht="28.35" customHeight="1" x14ac:dyDescent="0.4"/>
    <row r="736" ht="28.35" customHeight="1" x14ac:dyDescent="0.4"/>
    <row r="737" ht="28.35" customHeight="1" x14ac:dyDescent="0.4"/>
    <row r="738" ht="28.35" customHeight="1" x14ac:dyDescent="0.4"/>
    <row r="739" ht="28.35" customHeight="1" x14ac:dyDescent="0.4"/>
    <row r="740" ht="28.35" customHeight="1" x14ac:dyDescent="0.4"/>
    <row r="741" ht="28.35" customHeight="1" x14ac:dyDescent="0.4"/>
    <row r="742" ht="28.35" customHeight="1" x14ac:dyDescent="0.4"/>
    <row r="743" ht="28.35" customHeight="1" x14ac:dyDescent="0.4"/>
    <row r="744" ht="28.35" customHeight="1" x14ac:dyDescent="0.4"/>
    <row r="745" ht="28.35" customHeight="1" x14ac:dyDescent="0.4"/>
    <row r="746" ht="28.35" customHeight="1" x14ac:dyDescent="0.4"/>
    <row r="747" ht="28.35" customHeight="1" x14ac:dyDescent="0.4"/>
    <row r="748" ht="28.35" customHeight="1" x14ac:dyDescent="0.4"/>
    <row r="749" ht="28.35" customHeight="1" x14ac:dyDescent="0.4"/>
    <row r="750" ht="28.35" customHeight="1" x14ac:dyDescent="0.4"/>
    <row r="751" ht="28.35" customHeight="1" x14ac:dyDescent="0.4"/>
    <row r="752" ht="28.35" customHeight="1" x14ac:dyDescent="0.4"/>
    <row r="753" ht="28.35" customHeight="1" x14ac:dyDescent="0.4"/>
    <row r="754" ht="28.35" customHeight="1" x14ac:dyDescent="0.4"/>
    <row r="755" ht="28.35" customHeight="1" x14ac:dyDescent="0.4"/>
    <row r="756" ht="28.35" customHeight="1" x14ac:dyDescent="0.4"/>
    <row r="757" ht="28.35" customHeight="1" x14ac:dyDescent="0.4"/>
    <row r="758" ht="28.35" customHeight="1" x14ac:dyDescent="0.4"/>
    <row r="759" ht="28.35" customHeight="1" x14ac:dyDescent="0.4"/>
    <row r="760" ht="28.35" customHeight="1" x14ac:dyDescent="0.4"/>
    <row r="761" ht="28.35" customHeight="1" x14ac:dyDescent="0.4"/>
    <row r="762" ht="28.35" customHeight="1" x14ac:dyDescent="0.4"/>
    <row r="763" ht="28.35" customHeight="1" x14ac:dyDescent="0.4"/>
    <row r="764" ht="28.35" customHeight="1" x14ac:dyDescent="0.4"/>
    <row r="765" ht="28.35" customHeight="1" x14ac:dyDescent="0.4"/>
    <row r="766" ht="28.35" customHeight="1" x14ac:dyDescent="0.4"/>
    <row r="767" ht="28.35" customHeight="1" x14ac:dyDescent="0.4"/>
    <row r="768" ht="28.35" customHeight="1" x14ac:dyDescent="0.4"/>
    <row r="769" ht="28.35" customHeight="1" x14ac:dyDescent="0.4"/>
    <row r="770" ht="28.35" customHeight="1" x14ac:dyDescent="0.4"/>
    <row r="771" ht="28.35" customHeight="1" x14ac:dyDescent="0.4"/>
    <row r="772" ht="28.35" customHeight="1" x14ac:dyDescent="0.4"/>
    <row r="773" ht="28.35" customHeight="1" x14ac:dyDescent="0.4"/>
    <row r="774" ht="28.35" customHeight="1" x14ac:dyDescent="0.4"/>
    <row r="775" ht="28.35" customHeight="1" x14ac:dyDescent="0.4"/>
    <row r="776" ht="28.35" customHeight="1" x14ac:dyDescent="0.4"/>
    <row r="777" ht="28.35" customHeight="1" x14ac:dyDescent="0.4"/>
    <row r="778" ht="28.35" customHeight="1" x14ac:dyDescent="0.4"/>
    <row r="779" ht="28.35" customHeight="1" x14ac:dyDescent="0.4"/>
    <row r="780" ht="28.35" customHeight="1" x14ac:dyDescent="0.4"/>
    <row r="781" ht="28.35" customHeight="1" x14ac:dyDescent="0.4"/>
    <row r="782" ht="28.35" customHeight="1" x14ac:dyDescent="0.4"/>
    <row r="783" ht="28.35" customHeight="1" x14ac:dyDescent="0.4"/>
    <row r="784" ht="28.35" customHeight="1" x14ac:dyDescent="0.4"/>
    <row r="785" ht="28.35" customHeight="1" x14ac:dyDescent="0.4"/>
    <row r="786" ht="28.35" customHeight="1" x14ac:dyDescent="0.4"/>
    <row r="787" ht="28.35" customHeight="1" x14ac:dyDescent="0.4"/>
    <row r="788" ht="28.35" customHeight="1" x14ac:dyDescent="0.4"/>
    <row r="789" ht="28.35" customHeight="1" x14ac:dyDescent="0.4"/>
    <row r="790" ht="28.35" customHeight="1" x14ac:dyDescent="0.4"/>
    <row r="791" ht="28.35" customHeight="1" x14ac:dyDescent="0.4"/>
    <row r="792" ht="28.35" customHeight="1" x14ac:dyDescent="0.4"/>
    <row r="793" ht="28.35" customHeight="1" x14ac:dyDescent="0.4"/>
    <row r="794" ht="28.35" customHeight="1" x14ac:dyDescent="0.4"/>
    <row r="795" ht="28.35" customHeight="1" x14ac:dyDescent="0.4"/>
    <row r="796" ht="28.35" customHeight="1" x14ac:dyDescent="0.4"/>
    <row r="797" ht="28.35" customHeight="1" x14ac:dyDescent="0.4"/>
    <row r="798" ht="28.35" customHeight="1" x14ac:dyDescent="0.4"/>
    <row r="799" ht="28.35" customHeight="1" x14ac:dyDescent="0.4"/>
    <row r="800" ht="28.35" customHeight="1" x14ac:dyDescent="0.4"/>
    <row r="801" ht="28.35" customHeight="1" x14ac:dyDescent="0.4"/>
    <row r="802" ht="28.35" customHeight="1" x14ac:dyDescent="0.4"/>
    <row r="803" ht="28.35" customHeight="1" x14ac:dyDescent="0.4"/>
    <row r="804" ht="28.35" customHeight="1" x14ac:dyDescent="0.4"/>
    <row r="805" ht="28.35" customHeight="1" x14ac:dyDescent="0.4"/>
    <row r="806" ht="28.35" customHeight="1" x14ac:dyDescent="0.4"/>
    <row r="807" ht="28.35" customHeight="1" x14ac:dyDescent="0.4"/>
    <row r="808" ht="28.35" customHeight="1" x14ac:dyDescent="0.4"/>
    <row r="809" ht="28.35" customHeight="1" x14ac:dyDescent="0.4"/>
    <row r="810" ht="28.35" customHeight="1" x14ac:dyDescent="0.4"/>
    <row r="811" ht="28.35" customHeight="1" x14ac:dyDescent="0.4"/>
    <row r="812" ht="28.35" customHeight="1" x14ac:dyDescent="0.4"/>
    <row r="813" ht="28.35" customHeight="1" x14ac:dyDescent="0.4"/>
    <row r="814" ht="28.35" customHeight="1" x14ac:dyDescent="0.4"/>
    <row r="815" ht="28.35" customHeight="1" x14ac:dyDescent="0.4"/>
    <row r="816" ht="28.35" customHeight="1" x14ac:dyDescent="0.4"/>
    <row r="817" ht="28.35" customHeight="1" x14ac:dyDescent="0.4"/>
    <row r="818" ht="28.35" customHeight="1" x14ac:dyDescent="0.4"/>
    <row r="819" ht="28.35" customHeight="1" x14ac:dyDescent="0.4"/>
    <row r="820" ht="28.35" customHeight="1" x14ac:dyDescent="0.4"/>
    <row r="821" ht="28.35" customHeight="1" x14ac:dyDescent="0.4"/>
    <row r="822" ht="28.35" customHeight="1" x14ac:dyDescent="0.4"/>
    <row r="823" ht="28.35" customHeight="1" x14ac:dyDescent="0.4"/>
    <row r="824" ht="28.35" customHeight="1" x14ac:dyDescent="0.4"/>
    <row r="825" ht="28.35" customHeight="1" x14ac:dyDescent="0.4"/>
    <row r="826" ht="28.35" customHeight="1" x14ac:dyDescent="0.4"/>
    <row r="827" ht="28.35" customHeight="1" x14ac:dyDescent="0.4"/>
    <row r="828" ht="28.35" customHeight="1" x14ac:dyDescent="0.4"/>
    <row r="829" ht="28.35" customHeight="1" x14ac:dyDescent="0.4"/>
    <row r="830" ht="28.35" customHeight="1" x14ac:dyDescent="0.4"/>
    <row r="831" ht="28.35" customHeight="1" x14ac:dyDescent="0.4"/>
    <row r="832" ht="28.35" customHeight="1" x14ac:dyDescent="0.4"/>
    <row r="833" ht="28.35" customHeight="1" x14ac:dyDescent="0.4"/>
    <row r="834" ht="28.35" customHeight="1" x14ac:dyDescent="0.4"/>
    <row r="835" ht="28.35" customHeight="1" x14ac:dyDescent="0.4"/>
    <row r="836" ht="28.35" customHeight="1" x14ac:dyDescent="0.4"/>
    <row r="837" ht="28.35" customHeight="1" x14ac:dyDescent="0.4"/>
    <row r="838" ht="28.35" customHeight="1" x14ac:dyDescent="0.4"/>
    <row r="839" ht="28.35" customHeight="1" x14ac:dyDescent="0.4"/>
    <row r="840" ht="28.35" customHeight="1" x14ac:dyDescent="0.4"/>
    <row r="841" ht="28.35" customHeight="1" x14ac:dyDescent="0.4"/>
    <row r="842" ht="28.35" customHeight="1" x14ac:dyDescent="0.4"/>
    <row r="843" ht="28.35" customHeight="1" x14ac:dyDescent="0.4"/>
    <row r="844" ht="28.35" customHeight="1" x14ac:dyDescent="0.4"/>
    <row r="845" ht="28.35" customHeight="1" x14ac:dyDescent="0.4"/>
    <row r="846" ht="28.35" customHeight="1" x14ac:dyDescent="0.4"/>
    <row r="847" ht="28.35" customHeight="1" x14ac:dyDescent="0.4"/>
    <row r="848" ht="28.35" customHeight="1" x14ac:dyDescent="0.4"/>
    <row r="849" ht="28.35" customHeight="1" x14ac:dyDescent="0.4"/>
    <row r="850" ht="28.35" customHeight="1" x14ac:dyDescent="0.4"/>
    <row r="851" ht="28.35" customHeight="1" x14ac:dyDescent="0.4"/>
    <row r="852" ht="28.35" customHeight="1" x14ac:dyDescent="0.4"/>
    <row r="853" ht="28.35" customHeight="1" x14ac:dyDescent="0.4"/>
    <row r="854" ht="28.35" customHeight="1" x14ac:dyDescent="0.4"/>
    <row r="855" ht="28.35" customHeight="1" x14ac:dyDescent="0.4"/>
    <row r="856" ht="28.35" customHeight="1" x14ac:dyDescent="0.4"/>
    <row r="857" ht="28.35" customHeight="1" x14ac:dyDescent="0.4"/>
    <row r="858" ht="28.35" customHeight="1" x14ac:dyDescent="0.4"/>
    <row r="859" ht="28.35" customHeight="1" x14ac:dyDescent="0.4"/>
    <row r="860" ht="28.35" customHeight="1" x14ac:dyDescent="0.4"/>
    <row r="861" ht="28.35" customHeight="1" x14ac:dyDescent="0.4"/>
    <row r="862" ht="28.35" customHeight="1" x14ac:dyDescent="0.4"/>
    <row r="863" ht="28.35" customHeight="1" x14ac:dyDescent="0.4"/>
    <row r="864" ht="28.35" customHeight="1" x14ac:dyDescent="0.4"/>
    <row r="865" ht="28.35" customHeight="1" x14ac:dyDescent="0.4"/>
    <row r="866" ht="28.35" customHeight="1" x14ac:dyDescent="0.4"/>
    <row r="867" ht="28.35" customHeight="1" x14ac:dyDescent="0.4"/>
    <row r="868" ht="28.35" customHeight="1" x14ac:dyDescent="0.4"/>
    <row r="869" ht="28.35" customHeight="1" x14ac:dyDescent="0.4"/>
    <row r="870" ht="28.35" customHeight="1" x14ac:dyDescent="0.4"/>
    <row r="871" ht="28.35" customHeight="1" x14ac:dyDescent="0.4"/>
    <row r="872" ht="28.35" customHeight="1" x14ac:dyDescent="0.4"/>
    <row r="873" ht="28.35" customHeight="1" x14ac:dyDescent="0.4"/>
    <row r="874" ht="28.35" customHeight="1" x14ac:dyDescent="0.4"/>
    <row r="875" ht="28.35" customHeight="1" x14ac:dyDescent="0.4"/>
    <row r="876" ht="28.35" customHeight="1" x14ac:dyDescent="0.4"/>
    <row r="877" ht="28.35" customHeight="1" x14ac:dyDescent="0.4"/>
    <row r="878" ht="28.35" customHeight="1" x14ac:dyDescent="0.4"/>
    <row r="879" ht="28.35" customHeight="1" x14ac:dyDescent="0.4"/>
    <row r="880" ht="28.35" customHeight="1" x14ac:dyDescent="0.4"/>
    <row r="881" ht="28.35" customHeight="1" x14ac:dyDescent="0.4"/>
    <row r="882" ht="28.35" customHeight="1" x14ac:dyDescent="0.4"/>
    <row r="883" ht="28.35" customHeight="1" x14ac:dyDescent="0.4"/>
    <row r="884" ht="28.35" customHeight="1" x14ac:dyDescent="0.4"/>
    <row r="885" ht="28.35" customHeight="1" x14ac:dyDescent="0.4"/>
    <row r="886" ht="28.35" customHeight="1" x14ac:dyDescent="0.4"/>
    <row r="887" ht="28.35" customHeight="1" x14ac:dyDescent="0.4"/>
    <row r="888" ht="28.35" customHeight="1" x14ac:dyDescent="0.4"/>
    <row r="889" ht="28.35" customHeight="1" x14ac:dyDescent="0.4"/>
    <row r="890" ht="28.35" customHeight="1" x14ac:dyDescent="0.4"/>
    <row r="891" ht="28.35" customHeight="1" x14ac:dyDescent="0.4"/>
    <row r="892" ht="28.35" customHeight="1" x14ac:dyDescent="0.4"/>
    <row r="893" ht="28.35" customHeight="1" x14ac:dyDescent="0.4"/>
    <row r="894" ht="28.35" customHeight="1" x14ac:dyDescent="0.4"/>
    <row r="895" ht="28.35" customHeight="1" x14ac:dyDescent="0.4"/>
    <row r="896" ht="28.35" customHeight="1" x14ac:dyDescent="0.4"/>
    <row r="897" ht="28.35" customHeight="1" x14ac:dyDescent="0.4"/>
    <row r="898" ht="28.35" customHeight="1" x14ac:dyDescent="0.4"/>
    <row r="899" ht="28.35" customHeight="1" x14ac:dyDescent="0.4"/>
    <row r="900" ht="28.35" customHeight="1" x14ac:dyDescent="0.4"/>
    <row r="901" ht="28.35" customHeight="1" x14ac:dyDescent="0.4"/>
    <row r="902" ht="28.35" customHeight="1" x14ac:dyDescent="0.4"/>
    <row r="903" ht="28.35" customHeight="1" x14ac:dyDescent="0.4"/>
    <row r="904" ht="28.35" customHeight="1" x14ac:dyDescent="0.4"/>
    <row r="905" ht="28.35" customHeight="1" x14ac:dyDescent="0.4"/>
    <row r="906" ht="28.35" customHeight="1" x14ac:dyDescent="0.4"/>
    <row r="907" ht="28.35" customHeight="1" x14ac:dyDescent="0.4"/>
    <row r="908" ht="28.35" customHeight="1" x14ac:dyDescent="0.4"/>
    <row r="909" ht="28.35" customHeight="1" x14ac:dyDescent="0.4"/>
    <row r="910" ht="28.35" customHeight="1" x14ac:dyDescent="0.4"/>
    <row r="911" ht="28.35" customHeight="1" x14ac:dyDescent="0.4"/>
    <row r="912" ht="28.35" customHeight="1" x14ac:dyDescent="0.4"/>
    <row r="913" ht="28.35" customHeight="1" x14ac:dyDescent="0.4"/>
    <row r="914" ht="28.35" customHeight="1" x14ac:dyDescent="0.4"/>
    <row r="915" ht="28.35" customHeight="1" x14ac:dyDescent="0.4"/>
    <row r="916" ht="28.35" customHeight="1" x14ac:dyDescent="0.4"/>
    <row r="917" ht="28.35" customHeight="1" x14ac:dyDescent="0.4"/>
    <row r="918" ht="28.35" customHeight="1" x14ac:dyDescent="0.4"/>
    <row r="919" ht="28.35" customHeight="1" x14ac:dyDescent="0.4"/>
    <row r="920" ht="28.35" customHeight="1" x14ac:dyDescent="0.4"/>
    <row r="921" ht="28.35" customHeight="1" x14ac:dyDescent="0.4"/>
    <row r="922" ht="28.35" customHeight="1" x14ac:dyDescent="0.4"/>
    <row r="923" ht="28.35" customHeight="1" x14ac:dyDescent="0.4"/>
    <row r="924" ht="28.35" customHeight="1" x14ac:dyDescent="0.4"/>
  </sheetData>
  <mergeCells count="111">
    <mergeCell ref="A220:B226"/>
    <mergeCell ref="C188:Q188"/>
    <mergeCell ref="A182:B188"/>
    <mergeCell ref="A189:B195"/>
    <mergeCell ref="A196:B202"/>
    <mergeCell ref="A206:B212"/>
    <mergeCell ref="A213:B219"/>
    <mergeCell ref="A168:B171"/>
    <mergeCell ref="A172:B178"/>
    <mergeCell ref="C172:Q178"/>
    <mergeCell ref="C186:Q187"/>
    <mergeCell ref="C165:F165"/>
    <mergeCell ref="C166:F166"/>
    <mergeCell ref="C167:F167"/>
    <mergeCell ref="G164:Q164"/>
    <mergeCell ref="G165:Q165"/>
    <mergeCell ref="G166:Q166"/>
    <mergeCell ref="G167:Q167"/>
    <mergeCell ref="A160:B161"/>
    <mergeCell ref="C160:E160"/>
    <mergeCell ref="C161:E161"/>
    <mergeCell ref="A162:B163"/>
    <mergeCell ref="C162:Q163"/>
    <mergeCell ref="C164:F164"/>
    <mergeCell ref="A164:B167"/>
    <mergeCell ref="C143:F143"/>
    <mergeCell ref="C144:F145"/>
    <mergeCell ref="A143:B145"/>
    <mergeCell ref="A146:B149"/>
    <mergeCell ref="A150:B153"/>
    <mergeCell ref="A157:B159"/>
    <mergeCell ref="C117:Q120"/>
    <mergeCell ref="A117:B120"/>
    <mergeCell ref="A121:B124"/>
    <mergeCell ref="A125:B128"/>
    <mergeCell ref="A132:B135"/>
    <mergeCell ref="C136:F136"/>
    <mergeCell ref="G136:Q136"/>
    <mergeCell ref="A136:B142"/>
    <mergeCell ref="A108:B111"/>
    <mergeCell ref="A112:B112"/>
    <mergeCell ref="C112:Q112"/>
    <mergeCell ref="C113:E113"/>
    <mergeCell ref="F113:Q113"/>
    <mergeCell ref="F114:Q114"/>
    <mergeCell ref="C114:E116"/>
    <mergeCell ref="F115:H115"/>
    <mergeCell ref="F116:H116"/>
    <mergeCell ref="A113:B116"/>
    <mergeCell ref="C93:E93"/>
    <mergeCell ref="F93:I93"/>
    <mergeCell ref="A89:B93"/>
    <mergeCell ref="A94:B98"/>
    <mergeCell ref="A99:B104"/>
    <mergeCell ref="A64:B68"/>
    <mergeCell ref="A69:B79"/>
    <mergeCell ref="C69:Q79"/>
    <mergeCell ref="A84:B88"/>
    <mergeCell ref="F89:H89"/>
    <mergeCell ref="I89:L89"/>
    <mergeCell ref="M89:Q89"/>
    <mergeCell ref="C89:E92"/>
    <mergeCell ref="A49:B54"/>
    <mergeCell ref="A58:B63"/>
    <mergeCell ref="C62:J62"/>
    <mergeCell ref="K62:Q62"/>
    <mergeCell ref="C63:Q63"/>
    <mergeCell ref="C39:H39"/>
    <mergeCell ref="C40:H40"/>
    <mergeCell ref="C41:H41"/>
    <mergeCell ref="C42:H42"/>
    <mergeCell ref="A38:B42"/>
    <mergeCell ref="A43:B48"/>
    <mergeCell ref="A34:B37"/>
    <mergeCell ref="C37:I37"/>
    <mergeCell ref="J37:Q37"/>
    <mergeCell ref="C38:H38"/>
    <mergeCell ref="I38:Q38"/>
    <mergeCell ref="D23:J23"/>
    <mergeCell ref="D24:J24"/>
    <mergeCell ref="D25:J25"/>
    <mergeCell ref="A15:B26"/>
    <mergeCell ref="A27:B28"/>
    <mergeCell ref="A29:B30"/>
    <mergeCell ref="C29:Q29"/>
    <mergeCell ref="D16:J16"/>
    <mergeCell ref="K16:P16"/>
    <mergeCell ref="D17:J17"/>
    <mergeCell ref="D18:J18"/>
    <mergeCell ref="D19:J19"/>
    <mergeCell ref="D22:J22"/>
    <mergeCell ref="K22:P22"/>
    <mergeCell ref="C14:E14"/>
    <mergeCell ref="L10:Q10"/>
    <mergeCell ref="L11:Q11"/>
    <mergeCell ref="L12:Q12"/>
    <mergeCell ref="L13:Q13"/>
    <mergeCell ref="L14:Q14"/>
    <mergeCell ref="A14:B14"/>
    <mergeCell ref="F14:K14"/>
    <mergeCell ref="C4:Q5"/>
    <mergeCell ref="C7:H7"/>
    <mergeCell ref="C6:Q6"/>
    <mergeCell ref="I7:Q7"/>
    <mergeCell ref="C8:E8"/>
    <mergeCell ref="A8:B13"/>
    <mergeCell ref="L8:Q8"/>
    <mergeCell ref="L9:Q9"/>
    <mergeCell ref="F8:K8"/>
    <mergeCell ref="A4:B5"/>
    <mergeCell ref="A6:B7"/>
  </mergeCells>
  <phoneticPr fontId="6"/>
  <pageMargins left="0.9055118110236221" right="0.9055118110236221" top="0.94488188976377963" bottom="0.94488188976377963" header="0.31496062992125984" footer="0.31496062992125984"/>
  <pageSetup paperSize="9" orientation="portrait" r:id="rId1"/>
  <rowBreaks count="8" manualBreakCount="8">
    <brk id="30" max="16383" man="1"/>
    <brk id="54" max="16383" man="1"/>
    <brk id="80" max="16383" man="1"/>
    <brk id="104" max="16383" man="1"/>
    <brk id="128" max="16383" man="1"/>
    <brk id="153" max="16383" man="1"/>
    <brk id="178" max="16383" man="1"/>
    <brk id="202"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様式2－2】医ケア指示書</vt:lpstr>
      <vt:lpstr>【別紙１～９】</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出口 雅子</dc:creator>
  <cp:lastModifiedBy>内海 希美子</cp:lastModifiedBy>
  <cp:lastPrinted>2023-08-16T08:17:36Z</cp:lastPrinted>
  <dcterms:created xsi:type="dcterms:W3CDTF">2023-08-16T04:37:30Z</dcterms:created>
  <dcterms:modified xsi:type="dcterms:W3CDTF">2024-01-26T05:11:13Z</dcterms:modified>
</cp:coreProperties>
</file>